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s15400\data\薬事班\10 通知\R3\R3.5.12_【施行通知】食薬区分における成分本質（原材料）の取扱いの例示の一部改正について\"/>
    </mc:Choice>
  </mc:AlternateContent>
  <bookViews>
    <workbookView xWindow="0" yWindow="0" windowWidth="18330" windowHeight="11775" tabRatio="727"/>
  </bookViews>
  <sheets>
    <sheet name="（医）植物由来" sheetId="3" r:id="rId1"/>
    <sheet name="（医）動物由来" sheetId="2" r:id="rId2"/>
    <sheet name="（医）化学物質" sheetId="1" r:id="rId3"/>
    <sheet name="植物由来" sheetId="4" r:id="rId4"/>
    <sheet name="動物由来" sheetId="5" r:id="rId5"/>
    <sheet name="化学物質" sheetId="6" r:id="rId6"/>
  </sheets>
  <definedNames>
    <definedName name="_xlnm._FilterDatabase" localSheetId="2" hidden="1">'（医）化学物質'!#REF!</definedName>
    <definedName name="_xlnm._FilterDatabase" localSheetId="0" hidden="1">'（医）植物由来'!$A$5:$D$5</definedName>
    <definedName name="_xlnm._FilterDatabase" localSheetId="1" hidden="1">'（医）動物由来'!#REF!</definedName>
    <definedName name="_xlnm._FilterDatabase" localSheetId="5" hidden="1">化学物質!$A$3:$D$3</definedName>
    <definedName name="_xlnm._FilterDatabase" localSheetId="3" hidden="1">植物由来!$A$5:$D$5</definedName>
    <definedName name="_xlnm._FilterDatabase" localSheetId="4" hidden="1">動物由来!$A$3:$D$3</definedName>
    <definedName name="_xlnm.Print_Area" localSheetId="2">'（医）化学物質'!$A$1:$D$93</definedName>
    <definedName name="_xlnm.Print_Area" localSheetId="1">'（医）動物由来'!$A$1:$D$30</definedName>
    <definedName name="_xlnm.Print_Area" localSheetId="5">化学物質!$A$1:$D$173</definedName>
    <definedName name="_xlnm.Print_Area" localSheetId="3">植物由来!$A$1:$D$832</definedName>
    <definedName name="_xlnm.Print_Area" localSheetId="4">動物由来!$A$1:$D$74</definedName>
    <definedName name="_xlnm.Print_Titles" localSheetId="2">'（医）化学物質'!$A:$A,'（医）化学物質'!$3:$3</definedName>
    <definedName name="_xlnm.Print_Titles" localSheetId="0">'（医）植物由来'!$A:$A,'（医）植物由来'!$5:$5</definedName>
    <definedName name="_xlnm.Print_Titles" localSheetId="5">化学物質!$A:$A,化学物質!$3:$3</definedName>
    <definedName name="_xlnm.Print_Titles" localSheetId="3">植物由来!$A:$A,植物由来!$5:$5</definedName>
    <definedName name="_xlnm.Print_Titles" localSheetId="4">動物由来!$A:$A,動物由来!$3:$3</definedName>
  </definedNames>
  <calcPr calcId="162913"/>
</workbook>
</file>

<file path=xl/sharedStrings.xml><?xml version="1.0" encoding="utf-8"?>
<sst xmlns="http://schemas.openxmlformats.org/spreadsheetml/2006/main" count="3968" uniqueCount="2759">
  <si>
    <t>コウコウ/コウコウダン</t>
  </si>
  <si>
    <t>コウソウ</t>
  </si>
  <si>
    <t>紅毛五加</t>
    <rPh sb="0" eb="1">
      <t>アカ</t>
    </rPh>
    <rPh sb="1" eb="2">
      <t>ケ</t>
    </rPh>
    <rPh sb="2" eb="3">
      <t>ゴ</t>
    </rPh>
    <rPh sb="3" eb="4">
      <t>クワ</t>
    </rPh>
    <phoneticPr fontId="1"/>
  </si>
  <si>
    <t>コーヒーノキ</t>
  </si>
  <si>
    <t>アラビアコーヒー</t>
  </si>
  <si>
    <t>コーラ</t>
  </si>
  <si>
    <t>コラ/コラシ/コラノキ</t>
  </si>
  <si>
    <t>ゴカ</t>
  </si>
  <si>
    <t>ソヨウゴカ/マンシュウウコギ/リンサンゴカ</t>
  </si>
  <si>
    <t>根皮・種子・葉・花</t>
  </si>
  <si>
    <t>葉は「医」</t>
  </si>
  <si>
    <t>タイゲイ</t>
  </si>
  <si>
    <t>コズイシ</t>
  </si>
  <si>
    <t>コエンドロ/コリアンダー</t>
  </si>
  <si>
    <t>コセンダングサ</t>
  </si>
  <si>
    <t>コシロノセンダングサ</t>
  </si>
  <si>
    <t>コナスビ</t>
  </si>
  <si>
    <t>樹液</t>
  </si>
  <si>
    <t>コフキサルノコシカケ</t>
  </si>
  <si>
    <t>ジュゼツ/バイキセイ</t>
  </si>
  <si>
    <t>菌核（菌糸体）</t>
  </si>
  <si>
    <t>根･葉</t>
  </si>
  <si>
    <t>果実は「医」</t>
  </si>
  <si>
    <t>コミカンソウ</t>
  </si>
  <si>
    <t>茎・澱粉・葉・胚芽・胚芽油・ふすま</t>
  </si>
  <si>
    <t>ゴムノキ</t>
  </si>
  <si>
    <t>コメデンプン</t>
  </si>
  <si>
    <t>コメヌカ</t>
  </si>
  <si>
    <t>米糠</t>
  </si>
  <si>
    <t>コリビ</t>
  </si>
  <si>
    <t>ゴレンシ</t>
  </si>
  <si>
    <t>コロハ</t>
  </si>
  <si>
    <t>コンブ</t>
  </si>
  <si>
    <t>モエン</t>
  </si>
  <si>
    <t>コンフリー</t>
  </si>
  <si>
    <t>ヒレハリソウ</t>
  </si>
  <si>
    <t>サージ</t>
  </si>
  <si>
    <t>サクリュウカ/ラムノイデス</t>
  </si>
  <si>
    <t>果実・種油</t>
  </si>
  <si>
    <t>サイカチ</t>
  </si>
  <si>
    <t>ソウカクシ/トウサイカチ</t>
  </si>
  <si>
    <t>樹幹の棘</t>
  </si>
  <si>
    <t>サイハイラン</t>
  </si>
  <si>
    <t>トケンラン</t>
  </si>
  <si>
    <t>サキョウ</t>
  </si>
  <si>
    <t>サクラソウ</t>
  </si>
  <si>
    <t>サゴヤシ</t>
  </si>
  <si>
    <t>茎（髄）</t>
  </si>
  <si>
    <t>サッサフラスノキ</t>
  </si>
  <si>
    <t>サトウダイコン</t>
  </si>
  <si>
    <t>ビート</t>
  </si>
  <si>
    <t>サフラン</t>
  </si>
  <si>
    <t>柱頭</t>
  </si>
  <si>
    <t>サボンソウ</t>
  </si>
  <si>
    <t>サルナシ</t>
  </si>
  <si>
    <t>コクワ/シラクチヅル</t>
  </si>
  <si>
    <t>サルビア</t>
  </si>
  <si>
    <t>セージ</t>
  </si>
  <si>
    <t>外果皮･根皮・種仁</t>
  </si>
  <si>
    <t>サンザシ</t>
  </si>
  <si>
    <t>オオサンザシ</t>
  </si>
  <si>
    <t>偽実・茎・葉・花</t>
  </si>
  <si>
    <t>サンシキスミレ</t>
  </si>
  <si>
    <t>サンシシ</t>
  </si>
  <si>
    <t>クチナシ</t>
  </si>
  <si>
    <t>果実・茎・葉</t>
  </si>
  <si>
    <t>サンシチニンジン</t>
  </si>
  <si>
    <t>デンシチニンジン</t>
  </si>
  <si>
    <t>サンシュユ</t>
  </si>
  <si>
    <t>ハルコガネバナ</t>
  </si>
  <si>
    <t>サンショウ</t>
  </si>
  <si>
    <t>果実・果皮・根</t>
  </si>
  <si>
    <t>サンショウバラ</t>
  </si>
  <si>
    <t>サンソウニン</t>
  </si>
  <si>
    <t>サネブトナツメ</t>
  </si>
  <si>
    <t>サンナ</t>
  </si>
  <si>
    <t>バンウコン</t>
  </si>
  <si>
    <t>サンペンズ</t>
  </si>
  <si>
    <t>カワラケツメイ</t>
  </si>
  <si>
    <t>サンヤク</t>
  </si>
  <si>
    <t>ナガイモ/ヤマイモコン</t>
  </si>
  <si>
    <t>シア</t>
  </si>
  <si>
    <t>シアーバターノキ</t>
  </si>
  <si>
    <t>種子・油</t>
  </si>
  <si>
    <t>シイタケ</t>
  </si>
  <si>
    <t>菌糸体・子実体</t>
  </si>
  <si>
    <t>シクンシ</t>
  </si>
  <si>
    <t>シケイジョテイ</t>
  </si>
  <si>
    <t>シコウカ</t>
  </si>
  <si>
    <t>ヘンナ</t>
  </si>
  <si>
    <t>シコクビエ</t>
  </si>
  <si>
    <t>ジジン</t>
  </si>
  <si>
    <t>エゴマ/シソ油</t>
  </si>
  <si>
    <t>枝先・種子・種子油・葉</t>
  </si>
  <si>
    <t>シダレカンバ</t>
  </si>
  <si>
    <t>ハクカヒ/ユウシカ</t>
  </si>
  <si>
    <t>シタン</t>
  </si>
  <si>
    <t>ジチョウ</t>
  </si>
  <si>
    <t>シナノキ</t>
  </si>
  <si>
    <t>シバムギ</t>
  </si>
  <si>
    <t>グラミニス</t>
  </si>
  <si>
    <t>果実・種子･葉</t>
  </si>
  <si>
    <t>シマタコノキ</t>
  </si>
  <si>
    <t>アダン</t>
  </si>
  <si>
    <t>シマトウガラシ</t>
  </si>
  <si>
    <t>シャウペデコウロ</t>
  </si>
  <si>
    <t>シャエンシ</t>
  </si>
  <si>
    <t>ジャクゼツソウ</t>
  </si>
  <si>
    <t>ノミノフスマ</t>
  </si>
  <si>
    <t>ツリガネニンジン</t>
  </si>
  <si>
    <t>シャジン＜砂仁＞は「医」</t>
  </si>
  <si>
    <t>ジャスミン</t>
  </si>
  <si>
    <t>ジャトバ</t>
  </si>
  <si>
    <t>オオイナゴマメ</t>
  </si>
  <si>
    <t>ジャビャクシ</t>
  </si>
  <si>
    <t>ニオイイガクサ</t>
  </si>
  <si>
    <t>ジャワナガコショウ</t>
  </si>
  <si>
    <t>ジュウヤク</t>
  </si>
  <si>
    <t>ドクダミ</t>
  </si>
  <si>
    <t>ジュルベーバ</t>
  </si>
  <si>
    <t>シュロ</t>
  </si>
  <si>
    <t>ショウキョウ</t>
  </si>
  <si>
    <t>カンキョウ/ショウガ</t>
  </si>
  <si>
    <t>ショウズク</t>
  </si>
  <si>
    <t>カルダモン</t>
  </si>
  <si>
    <t>ショウラン</t>
  </si>
  <si>
    <t>タイセイ/ホソバタイセイ</t>
  </si>
  <si>
    <t>食用ダイオウ</t>
  </si>
  <si>
    <t>マルバダイオウ</t>
  </si>
  <si>
    <t>葉柄</t>
  </si>
  <si>
    <t>食用ホオズキ</t>
  </si>
  <si>
    <t>プルイノサ</t>
  </si>
  <si>
    <t>ホオズキの根は「医」</t>
  </si>
  <si>
    <t>シラカンバ</t>
  </si>
  <si>
    <t>シラン</t>
  </si>
  <si>
    <t>シリ</t>
  </si>
  <si>
    <t>イザヨイバラ</t>
  </si>
  <si>
    <t>シロキクラゲ</t>
  </si>
  <si>
    <t>ハクボクジ</t>
  </si>
  <si>
    <t>シロコヤマモモ</t>
  </si>
  <si>
    <t>トコン/Cephaelis属</t>
    <rPh sb="13" eb="14">
      <t>ゾク</t>
    </rPh>
    <phoneticPr fontId="1"/>
  </si>
  <si>
    <t>コンドデンドロン属</t>
    <rPh sb="8" eb="9">
      <t>ゾク</t>
    </rPh>
    <phoneticPr fontId="1"/>
  </si>
  <si>
    <t>コンドデロデンドロン属/バリエラ/パレイラ根</t>
    <rPh sb="10" eb="11">
      <t>ゾク</t>
    </rPh>
    <phoneticPr fontId="1"/>
  </si>
  <si>
    <t>セッコク/ホンセッコク/Dendrobium属</t>
    <rPh sb="22" eb="23">
      <t>ゾク</t>
    </rPh>
    <phoneticPr fontId="1"/>
  </si>
  <si>
    <t>シンキンソウ</t>
  </si>
  <si>
    <t>ヒカゲノカズラ</t>
  </si>
  <si>
    <t>シントククスノキ</t>
  </si>
  <si>
    <t>スイートオレンジ</t>
  </si>
  <si>
    <t>ズイカク</t>
  </si>
  <si>
    <t>成熟果核</t>
  </si>
  <si>
    <t>スイバ</t>
  </si>
  <si>
    <t>ヒメスイバ</t>
  </si>
  <si>
    <t>根以外</t>
  </si>
  <si>
    <t>スギナ</t>
  </si>
  <si>
    <t>ツクシ/モンケイ</t>
  </si>
  <si>
    <t>栄養茎・胞子茎</t>
  </si>
  <si>
    <t>スグリ</t>
  </si>
  <si>
    <t>ステビア</t>
  </si>
  <si>
    <t>ストローブ</t>
  </si>
  <si>
    <t>ストローブマツ</t>
  </si>
  <si>
    <t>スピルリナ</t>
  </si>
  <si>
    <t>スマック</t>
  </si>
  <si>
    <t>ジビジビ</t>
  </si>
  <si>
    <t>スミレ</t>
  </si>
  <si>
    <t>アマランサス・ハイブリダス</t>
  </si>
  <si>
    <t>ズルカマラ</t>
  </si>
  <si>
    <t>セイセンリュウ</t>
  </si>
  <si>
    <t>ヤカンゾウ</t>
  </si>
  <si>
    <t>セイタカミロバラン</t>
  </si>
  <si>
    <t>セイヒ</t>
  </si>
  <si>
    <t>オオベニミカン</t>
  </si>
  <si>
    <t>未熟果実</t>
  </si>
  <si>
    <t>セイヨウアカネ</t>
  </si>
  <si>
    <t>セイヨウイラクサ</t>
  </si>
  <si>
    <t>セイヨウエビラハギ</t>
  </si>
  <si>
    <t>メリロート</t>
  </si>
  <si>
    <t>セントジョンズワート/ヒペリクムソウ</t>
  </si>
  <si>
    <t>セイヨウキイチゴ</t>
  </si>
  <si>
    <t>セイヨウヤブイチゴ</t>
  </si>
  <si>
    <t>アグリモニー/アグリモニア</t>
  </si>
  <si>
    <t>セイヨウサクラソウ</t>
  </si>
  <si>
    <t>セイヨウシナノキ</t>
  </si>
  <si>
    <t>果実・樹皮・葉・花</t>
  </si>
  <si>
    <t>セイヨウシロヤナギ</t>
  </si>
  <si>
    <t>ホワイトウイロー</t>
  </si>
  <si>
    <t>セイヨウスモモ</t>
  </si>
  <si>
    <t>プルーン</t>
  </si>
  <si>
    <t>果実・果実エキス</t>
  </si>
  <si>
    <t>セイヨウタンポポ</t>
  </si>
  <si>
    <t>セイヨウトチノキ</t>
  </si>
  <si>
    <t>樹皮・葉・花・芽</t>
  </si>
  <si>
    <t>セイヨウトネリコ</t>
  </si>
  <si>
    <t>オウシュウトネリコ</t>
  </si>
  <si>
    <t>セイヨウニワトコ</t>
  </si>
  <si>
    <t>エルダー</t>
  </si>
  <si>
    <t>茎・葉・花</t>
  </si>
  <si>
    <t>イタリアニンジンボク</t>
  </si>
  <si>
    <t>セイヨウネズ</t>
  </si>
  <si>
    <t>セイヨウビャクシン</t>
  </si>
  <si>
    <t>セイヨウノコギリソウ</t>
  </si>
  <si>
    <t>ヤロー</t>
  </si>
  <si>
    <t>セイヨウハッカ</t>
  </si>
  <si>
    <t>ペパーミント</t>
  </si>
  <si>
    <t>セイヨウヒイラギ</t>
  </si>
  <si>
    <t>セイヨウヒメスノキ</t>
  </si>
  <si>
    <t>シャンピニオン/ツクリタケ</t>
  </si>
  <si>
    <t>セイヨウミザクラ</t>
  </si>
  <si>
    <t>セイヨウメギ</t>
  </si>
  <si>
    <t>セキコウジュ</t>
  </si>
  <si>
    <t>セッコツボク</t>
  </si>
  <si>
    <t>ニワトコ</t>
  </si>
  <si>
    <t>茎･葉・花</t>
  </si>
  <si>
    <t>セツレンカ</t>
  </si>
  <si>
    <t>マロー</t>
  </si>
  <si>
    <t>セルピウムソウ</t>
  </si>
  <si>
    <t>テイムス・セルピウム</t>
  </si>
  <si>
    <t>セロリ</t>
  </si>
  <si>
    <t>オランダミツバ/セルリー</t>
  </si>
  <si>
    <t>センザンリュウ</t>
  </si>
  <si>
    <t>ウチワドコロ</t>
  </si>
  <si>
    <t>センシンレン</t>
  </si>
  <si>
    <t>リョウフンソウ</t>
  </si>
  <si>
    <t>センソウトウ</t>
  </si>
  <si>
    <t>センボウ</t>
  </si>
  <si>
    <t>キンバイザサ</t>
  </si>
  <si>
    <t>センリコウ</t>
  </si>
  <si>
    <t>タイキンギク</t>
  </si>
  <si>
    <t>ソクハクヨウ</t>
  </si>
  <si>
    <t>コノテガシワ</t>
  </si>
  <si>
    <t>ソゴウコウ</t>
  </si>
  <si>
    <t>分泌樹脂</t>
  </si>
  <si>
    <t>ダイウイキョウ</t>
  </si>
  <si>
    <t>スターアニス</t>
  </si>
  <si>
    <t>ダイケットウ</t>
  </si>
  <si>
    <t>ダイコンソウ</t>
  </si>
  <si>
    <t>スイヨウバイ</t>
  </si>
  <si>
    <t>タイシジン</t>
  </si>
  <si>
    <t>ワダソウ</t>
  </si>
  <si>
    <t>コクダイズ/ダイズオウケン/ダイズ油</t>
  </si>
  <si>
    <t>タイソウ</t>
  </si>
  <si>
    <t>ナツメ</t>
  </si>
  <si>
    <t>果実・種子・葉</t>
  </si>
  <si>
    <t>タイワンスク</t>
  </si>
  <si>
    <t>枝・茎</t>
  </si>
  <si>
    <t>タウコギ</t>
  </si>
  <si>
    <t>タカサゴギク</t>
  </si>
  <si>
    <t>タカサブロウ</t>
  </si>
  <si>
    <t>カンレンソウ</t>
  </si>
  <si>
    <t>タガヤサン</t>
  </si>
  <si>
    <t>テツトウボク</t>
  </si>
  <si>
    <t>タケ類</t>
  </si>
  <si>
    <t>タケノコ</t>
  </si>
  <si>
    <t>タチアオイ</t>
  </si>
  <si>
    <t>茎葉・種子・根・花</t>
  </si>
  <si>
    <t>タチジャコウソウ</t>
  </si>
  <si>
    <t>タイム</t>
  </si>
  <si>
    <t>スリナムチェリー/ブラジルチェリー</t>
  </si>
  <si>
    <t>ダッタンソバ</t>
  </si>
  <si>
    <t>タデアイ</t>
  </si>
  <si>
    <t>タベブイア</t>
  </si>
  <si>
    <t>タヒボ</t>
  </si>
  <si>
    <t>タモギタケ</t>
  </si>
  <si>
    <t>フジコブ菌が寄生し生じた瘤</t>
    <rPh sb="4" eb="5">
      <t>キン</t>
    </rPh>
    <rPh sb="6" eb="8">
      <t>キセイ</t>
    </rPh>
    <rPh sb="9" eb="10">
      <t>ショウ</t>
    </rPh>
    <rPh sb="12" eb="13">
      <t>コブ</t>
    </rPh>
    <phoneticPr fontId="1"/>
  </si>
  <si>
    <t>サルサ/Smilax属</t>
    <rPh sb="10" eb="11">
      <t>ゾク</t>
    </rPh>
    <phoneticPr fontId="1"/>
  </si>
  <si>
    <t>サンキライ（Smilax glabra）の塊茎・根茎は「医」</t>
    <rPh sb="21" eb="22">
      <t>カタマリ</t>
    </rPh>
    <rPh sb="22" eb="23">
      <t>クキ</t>
    </rPh>
    <rPh sb="24" eb="25">
      <t>ネ</t>
    </rPh>
    <rPh sb="25" eb="26">
      <t>クキ</t>
    </rPh>
    <rPh sb="28" eb="29">
      <t>イ</t>
    </rPh>
    <phoneticPr fontId="1"/>
  </si>
  <si>
    <t>オオヤモリ</t>
    <phoneticPr fontId="1"/>
  </si>
  <si>
    <t>ゴウカイ/Gekko gecko</t>
    <phoneticPr fontId="1"/>
  </si>
  <si>
    <t>内臓を除いた全身</t>
    <phoneticPr fontId="1"/>
  </si>
  <si>
    <t>カイコ</t>
    <phoneticPr fontId="1"/>
  </si>
  <si>
    <t>カサンガ/ゲンサンガ</t>
    <phoneticPr fontId="1"/>
  </si>
  <si>
    <t>ギカイリュウ/センカイリュウ/チョウカイリュウ/トゲヨウジ</t>
    <phoneticPr fontId="1"/>
  </si>
  <si>
    <t>ウシ/ヒツジ/ブタ</t>
    <phoneticPr fontId="1"/>
  </si>
  <si>
    <t>胆嚢</t>
    <phoneticPr fontId="1"/>
  </si>
  <si>
    <t>チンジュ</t>
    <phoneticPr fontId="1"/>
  </si>
  <si>
    <t>軟骨</t>
    <phoneticPr fontId="1"/>
  </si>
  <si>
    <t>ニホンヤモリ</t>
    <phoneticPr fontId="1"/>
  </si>
  <si>
    <t>ヘキコ/Gekko japonicus</t>
    <phoneticPr fontId="1"/>
  </si>
  <si>
    <t>ヒル</t>
    <phoneticPr fontId="1"/>
  </si>
  <si>
    <t>Hyriopsis cumingii</t>
    <phoneticPr fontId="1"/>
  </si>
  <si>
    <t>貝殻</t>
    <phoneticPr fontId="1"/>
  </si>
  <si>
    <t>ヘビ</t>
    <phoneticPr fontId="1"/>
  </si>
  <si>
    <t>アオマダラウミヘビ/アマガサヘビ/エラブウミヘビ/ガラガラヘビ/ヒャッポダ</t>
    <phoneticPr fontId="1"/>
  </si>
  <si>
    <t>ミツロウ</t>
    <phoneticPr fontId="1"/>
  </si>
  <si>
    <t>根茎・根・茎・葉</t>
    <rPh sb="3" eb="4">
      <t>ネ</t>
    </rPh>
    <rPh sb="5" eb="6">
      <t>クキ</t>
    </rPh>
    <rPh sb="7" eb="8">
      <t>ハ</t>
    </rPh>
    <phoneticPr fontId="1"/>
  </si>
  <si>
    <t>茎・葉・発芽種子</t>
    <rPh sb="0" eb="1">
      <t>クキ</t>
    </rPh>
    <phoneticPr fontId="1"/>
  </si>
  <si>
    <t>塊茎・根茎は「医」、サンキライ以外のシオデ属の葉・根は「非医」</t>
    <rPh sb="15" eb="17">
      <t>イガイ</t>
    </rPh>
    <rPh sb="23" eb="24">
      <t>ハ</t>
    </rPh>
    <rPh sb="25" eb="26">
      <t>ネ</t>
    </rPh>
    <rPh sb="28" eb="29">
      <t>ヒ</t>
    </rPh>
    <rPh sb="29" eb="30">
      <t>イ</t>
    </rPh>
    <phoneticPr fontId="1"/>
  </si>
  <si>
    <t>果実・葉</t>
    <rPh sb="3" eb="4">
      <t>ハ</t>
    </rPh>
    <phoneticPr fontId="1"/>
  </si>
  <si>
    <t>センダン（Melia azedarach）及びトウセンダン（Melia toosendan）の果実・樹皮は「医」</t>
    <rPh sb="21" eb="22">
      <t>オヨ</t>
    </rPh>
    <phoneticPr fontId="1"/>
  </si>
  <si>
    <t>葉・果皮</t>
    <rPh sb="2" eb="4">
      <t>カヒ</t>
    </rPh>
    <phoneticPr fontId="1"/>
  </si>
  <si>
    <t>葉・芽・根皮・樹皮</t>
    <rPh sb="4" eb="5">
      <t>ネ</t>
    </rPh>
    <rPh sb="5" eb="6">
      <t>カワ</t>
    </rPh>
    <rPh sb="7" eb="9">
      <t>ジュヒ</t>
    </rPh>
    <phoneticPr fontId="1"/>
  </si>
  <si>
    <t>葉・種子・果実</t>
    <rPh sb="2" eb="4">
      <t>シュシ</t>
    </rPh>
    <rPh sb="5" eb="7">
      <t>カジツ</t>
    </rPh>
    <phoneticPr fontId="1"/>
  </si>
  <si>
    <t>茎・葉</t>
    <rPh sb="0" eb="1">
      <t>クキ</t>
    </rPh>
    <phoneticPr fontId="1"/>
  </si>
  <si>
    <t>茎･根・葉・果実</t>
    <rPh sb="6" eb="8">
      <t>カジツ</t>
    </rPh>
    <phoneticPr fontId="1"/>
  </si>
  <si>
    <t>果実・種子</t>
    <rPh sb="3" eb="5">
      <t>シュシ</t>
    </rPh>
    <phoneticPr fontId="1"/>
  </si>
  <si>
    <t>イヌ/クインラン/ボクインキョウ/ボクインケイ</t>
    <phoneticPr fontId="1"/>
  </si>
  <si>
    <t>モモンガ亜科動物の糞</t>
    <rPh sb="4" eb="6">
      <t>アカ</t>
    </rPh>
    <phoneticPr fontId="1"/>
  </si>
  <si>
    <t>ジャコウ</t>
    <phoneticPr fontId="1"/>
  </si>
  <si>
    <t>雄の麝香腺から得た分泌物</t>
    <phoneticPr fontId="1"/>
  </si>
  <si>
    <t>ジリュウ</t>
    <phoneticPr fontId="1"/>
  </si>
  <si>
    <t>カッショクツリミミズ</t>
    <phoneticPr fontId="1"/>
  </si>
  <si>
    <t>センタイ</t>
    <phoneticPr fontId="1"/>
  </si>
  <si>
    <t>胎盤</t>
    <phoneticPr fontId="1"/>
  </si>
  <si>
    <t>胆汁･胆嚢</t>
    <phoneticPr fontId="1"/>
  </si>
  <si>
    <t>リュウコツ</t>
    <phoneticPr fontId="1"/>
  </si>
  <si>
    <t>オウカコウ</t>
    <phoneticPr fontId="1"/>
  </si>
  <si>
    <t>クソニンジン</t>
    <phoneticPr fontId="1"/>
  </si>
  <si>
    <t>カクコウ</t>
    <phoneticPr fontId="1"/>
  </si>
  <si>
    <t>パチョリ</t>
    <phoneticPr fontId="1"/>
  </si>
  <si>
    <t>カッシア・アウリキュラータ</t>
    <phoneticPr fontId="1"/>
  </si>
  <si>
    <t>ミミセンナ/Cassia　auriculata</t>
    <phoneticPr fontId="1"/>
  </si>
  <si>
    <t>カバ</t>
    <phoneticPr fontId="1"/>
  </si>
  <si>
    <t>カワミドリ</t>
    <phoneticPr fontId="1"/>
  </si>
  <si>
    <t>キョウニン</t>
    <phoneticPr fontId="1"/>
  </si>
  <si>
    <t>キンリュウカ属</t>
    <rPh sb="6" eb="7">
      <t>ゾク</t>
    </rPh>
    <phoneticPr fontId="1"/>
  </si>
  <si>
    <t>ストロファンツス/Strophanthus 属</t>
    <rPh sb="22" eb="23">
      <t>ゾク</t>
    </rPh>
    <phoneticPr fontId="1"/>
  </si>
  <si>
    <t>グアシャトンガ</t>
    <phoneticPr fontId="1"/>
  </si>
  <si>
    <t>葉</t>
    <phoneticPr fontId="1"/>
  </si>
  <si>
    <t>グラビオラ</t>
    <phoneticPr fontId="1"/>
  </si>
  <si>
    <t>サーサップ/トゲバンレイシ/オランダドリアン</t>
    <phoneticPr fontId="1"/>
  </si>
  <si>
    <t>ケシ</t>
    <phoneticPr fontId="1"/>
  </si>
  <si>
    <t>サイシン</t>
    <phoneticPr fontId="1"/>
  </si>
  <si>
    <t>サンキライ</t>
    <phoneticPr fontId="1"/>
  </si>
  <si>
    <t>ケナシサルトリイバラ/Smilax glabra</t>
    <phoneticPr fontId="1"/>
  </si>
  <si>
    <t>ジオウ</t>
    <phoneticPr fontId="1"/>
  </si>
  <si>
    <t>ジギタリス属</t>
    <phoneticPr fontId="1"/>
  </si>
  <si>
    <t>ジャショウ</t>
    <phoneticPr fontId="1"/>
  </si>
  <si>
    <t>オカゼリ</t>
    <phoneticPr fontId="1"/>
  </si>
  <si>
    <t>果実・茎・葉</t>
    <phoneticPr fontId="1"/>
  </si>
  <si>
    <t>シュクシャ</t>
    <phoneticPr fontId="1"/>
  </si>
  <si>
    <t>クヌギ/ボクソク</t>
    <phoneticPr fontId="1"/>
  </si>
  <si>
    <t>ショウリク</t>
    <phoneticPr fontId="1"/>
  </si>
  <si>
    <t>カワラニンジン</t>
    <phoneticPr fontId="1"/>
  </si>
  <si>
    <t>セイヨウトチノキ</t>
    <phoneticPr fontId="1"/>
  </si>
  <si>
    <t>センソウ＜茜草＞</t>
    <phoneticPr fontId="1"/>
  </si>
  <si>
    <t>アカネ/アカミノアカネ/セイソウ</t>
    <phoneticPr fontId="1"/>
  </si>
  <si>
    <t>クレンシ/クレンピ/トキワセンダン/Melia azedarach</t>
    <phoneticPr fontId="1"/>
  </si>
  <si>
    <t>葉は「非医」、トウセンダン（Melia toosendan）の果実・樹皮は「医」</t>
    <rPh sb="31" eb="33">
      <t>カジツ</t>
    </rPh>
    <rPh sb="34" eb="36">
      <t>ジュヒ</t>
    </rPh>
    <rPh sb="38" eb="39">
      <t>イ</t>
    </rPh>
    <phoneticPr fontId="1"/>
  </si>
  <si>
    <t>チョウセンアサガオ属</t>
    <phoneticPr fontId="1"/>
  </si>
  <si>
    <t>デンドロビウム属</t>
    <phoneticPr fontId="1"/>
  </si>
  <si>
    <t>イ/イグサ/Juncuｓ effusus</t>
    <phoneticPr fontId="1"/>
  </si>
  <si>
    <t>トウセンダン</t>
    <phoneticPr fontId="1"/>
  </si>
  <si>
    <t>クレンシ/クレンピ/センレンシ/Melia toosendan</t>
    <phoneticPr fontId="1"/>
  </si>
  <si>
    <t>ウド/ドッカツ/Aralia cordata</t>
    <phoneticPr fontId="1"/>
  </si>
  <si>
    <t>軟化茎は「非医」、シシウド（Angelica pubescens／Angelica　bisserata）の根茎・軟化茎は「非医」</t>
    <rPh sb="53" eb="55">
      <t>コンケイ</t>
    </rPh>
    <rPh sb="56" eb="58">
      <t>ナンカ</t>
    </rPh>
    <rPh sb="58" eb="59">
      <t>ケイ</t>
    </rPh>
    <rPh sb="61" eb="62">
      <t>ヒ</t>
    </rPh>
    <rPh sb="62" eb="63">
      <t>イ</t>
    </rPh>
    <phoneticPr fontId="1"/>
  </si>
  <si>
    <t>トリカブト属</t>
    <phoneticPr fontId="1"/>
  </si>
  <si>
    <t>全草・種子</t>
    <rPh sb="3" eb="5">
      <t>シュシ</t>
    </rPh>
    <phoneticPr fontId="1"/>
  </si>
  <si>
    <t>ヒュウガトウキ</t>
    <phoneticPr fontId="1"/>
  </si>
  <si>
    <t>Angelica furcijuga</t>
    <phoneticPr fontId="1"/>
  </si>
  <si>
    <t>フクジュソウ属</t>
    <rPh sb="6" eb="7">
      <t>ゾク</t>
    </rPh>
    <phoneticPr fontId="1"/>
  </si>
  <si>
    <t>ガンジツソウ/Adonis属</t>
    <rPh sb="13" eb="14">
      <t>ゾク</t>
    </rPh>
    <phoneticPr fontId="1"/>
  </si>
  <si>
    <t>フジ</t>
    <phoneticPr fontId="1"/>
  </si>
  <si>
    <t>茎（フジコブ菌が寄生し生じた瘤以外）は「非医」</t>
    <rPh sb="6" eb="7">
      <t>キン</t>
    </rPh>
    <rPh sb="8" eb="10">
      <t>キセイ</t>
    </rPh>
    <rPh sb="11" eb="12">
      <t>ショウ</t>
    </rPh>
    <rPh sb="14" eb="15">
      <t>コブ</t>
    </rPh>
    <phoneticPr fontId="1"/>
  </si>
  <si>
    <t>ヘパティカ・ノビリス</t>
    <phoneticPr fontId="1"/>
  </si>
  <si>
    <t>ミスミソウ/ユキワリソウ/Hepatica nobilis</t>
    <phoneticPr fontId="1"/>
  </si>
  <si>
    <t>ヘラオモダカ</t>
    <phoneticPr fontId="1"/>
  </si>
  <si>
    <t>ホオウ</t>
    <phoneticPr fontId="1"/>
  </si>
  <si>
    <t>ポテンティラ・アンセリナ</t>
    <phoneticPr fontId="1"/>
  </si>
  <si>
    <t>トウツルキンバイ/ケツマ/Potentilla anserina</t>
    <phoneticPr fontId="1"/>
  </si>
  <si>
    <t>ポドフィルム属</t>
    <rPh sb="6" eb="7">
      <t>ゾク</t>
    </rPh>
    <phoneticPr fontId="1"/>
  </si>
  <si>
    <t>ヒマラヤハッカクレン/Podophyllum属</t>
    <phoneticPr fontId="1"/>
  </si>
  <si>
    <t>マチン属</t>
    <phoneticPr fontId="1"/>
  </si>
  <si>
    <t>ナンバンキカラスウリ/モクベツシ</t>
    <phoneticPr fontId="1"/>
  </si>
  <si>
    <t>連翹</t>
    <phoneticPr fontId="1"/>
  </si>
  <si>
    <t>注１）　「名称」及び「他名等」の欄については、生薬名、一般名及び起源植物名等を記載している。</t>
    <phoneticPr fontId="1"/>
  </si>
  <si>
    <t>注２）　リストに掲載されている成分本質（原材料）のうち、該当する部位について、「部位等」の欄に記載している。</t>
    <phoneticPr fontId="1"/>
  </si>
  <si>
    <t>注３）　他の部位が別のリストに掲載されている場合等、その取扱いが紛らわしいものについては、備考欄にその旨</t>
    <phoneticPr fontId="1"/>
  </si>
  <si>
    <t>アセチルサリチル酸</t>
  </si>
  <si>
    <t>タラヨウ</t>
  </si>
  <si>
    <t>クテイチャ</t>
  </si>
  <si>
    <t>タンチクヨウ</t>
  </si>
  <si>
    <t>ササクサ</t>
  </si>
  <si>
    <t>タンテイヒホウ</t>
  </si>
  <si>
    <t>トウサンサイシン</t>
  </si>
  <si>
    <t>チア</t>
  </si>
  <si>
    <t>タンチク</t>
  </si>
  <si>
    <t>ハチクの茎を火で炙って流れた液汁</t>
  </si>
  <si>
    <t>チシマザサ</t>
  </si>
  <si>
    <t>ネマガリタケ</t>
  </si>
  <si>
    <t>葉・幼茎</t>
  </si>
  <si>
    <t>チシマルリソウ</t>
  </si>
  <si>
    <t>チャ</t>
  </si>
  <si>
    <t>アッサムチャ/プーアルチャ/フジチャ/リョクチャ</t>
  </si>
  <si>
    <t>チャービル</t>
  </si>
  <si>
    <t>チャデブグレ</t>
  </si>
  <si>
    <t>チャボトケイソウ</t>
  </si>
  <si>
    <t>果実・根・葉・花</t>
  </si>
  <si>
    <t>カギカズラ/コウトウ</t>
  </si>
  <si>
    <t>とげは「医」</t>
  </si>
  <si>
    <t>花蕾・葉の精油</t>
  </si>
  <si>
    <t>アーティチョーク</t>
  </si>
  <si>
    <t>茎・根・葉・頭花の総苞・花床</t>
  </si>
  <si>
    <t>チンピ</t>
  </si>
  <si>
    <t>ウンシュウミカン</t>
  </si>
  <si>
    <t>ツキミソウ油</t>
  </si>
  <si>
    <t>ツキミソウ</t>
  </si>
  <si>
    <t>種子の油</t>
  </si>
  <si>
    <t>ツチアケビ</t>
  </si>
  <si>
    <t>ドツウソウ</t>
  </si>
  <si>
    <t>ツノマタゴケ</t>
  </si>
  <si>
    <t>オークモス</t>
  </si>
  <si>
    <t>樹枝状地衣</t>
  </si>
  <si>
    <t>ツバキ</t>
  </si>
  <si>
    <t>ゴツコーラ/セキセツソウ/レンセンソウ</t>
  </si>
  <si>
    <t>ツユクサ</t>
  </si>
  <si>
    <t>ツリガネダケ</t>
  </si>
  <si>
    <t>塊根は「医」</t>
  </si>
  <si>
    <t>ツルナ</t>
  </si>
  <si>
    <t>ハマジシャ/バンキョウ</t>
  </si>
  <si>
    <t>ツルニンジン</t>
  </si>
  <si>
    <t>ジイソブ</t>
  </si>
  <si>
    <t>石指甲</t>
    <rPh sb="0" eb="1">
      <t>イシ</t>
    </rPh>
    <rPh sb="1" eb="2">
      <t>ユビ</t>
    </rPh>
    <rPh sb="2" eb="3">
      <t>コウ</t>
    </rPh>
    <phoneticPr fontId="1"/>
  </si>
  <si>
    <t>ツルムラサキ</t>
  </si>
  <si>
    <t>ティユール</t>
  </si>
  <si>
    <t>デビルズクロー</t>
  </si>
  <si>
    <t>デュナリエラ</t>
  </si>
  <si>
    <t>ドナリエラ/ドナリエラ油</t>
  </si>
  <si>
    <t>全藻・圧搾油</t>
  </si>
  <si>
    <t>テングサ</t>
  </si>
  <si>
    <t>カンテン</t>
  </si>
  <si>
    <t>テンチャ</t>
  </si>
  <si>
    <t>タスイカ/タスイセキカヨウ</t>
  </si>
  <si>
    <t>種子・葉･花</t>
  </si>
  <si>
    <t>トウガニン/トウガン/ハクガ</t>
  </si>
  <si>
    <t>トウガラシ</t>
  </si>
  <si>
    <t>果実･果皮</t>
  </si>
  <si>
    <t>トウキシ</t>
  </si>
  <si>
    <t>フユアオイ</t>
  </si>
  <si>
    <t>キンセンカ/マリーゴールド</t>
  </si>
  <si>
    <t>トウチュウカソウ</t>
  </si>
  <si>
    <t>ホクチュウソウ</t>
  </si>
  <si>
    <t>ドオウレン</t>
  </si>
  <si>
    <t>クサノオウ/ハックツサイ</t>
  </si>
  <si>
    <t>トキンソウ</t>
  </si>
  <si>
    <t>トケイソウ</t>
  </si>
  <si>
    <t>果実・茎・葉・花</t>
  </si>
  <si>
    <t>トショウ</t>
  </si>
  <si>
    <t>トショウジツ/ネズ</t>
  </si>
  <si>
    <t>種子・樹皮</t>
  </si>
  <si>
    <t>セイヨウトチノキの種子は「医」</t>
  </si>
  <si>
    <t>果実・葉･葉柄･木部</t>
  </si>
  <si>
    <t>ドッグローズ</t>
  </si>
  <si>
    <t>果実・葉･花</t>
  </si>
  <si>
    <t>トマト</t>
  </si>
  <si>
    <t>トンカット・アリ</t>
  </si>
  <si>
    <t>ナズナ</t>
  </si>
  <si>
    <t>ペンペングサ</t>
  </si>
  <si>
    <t>ナタネ油</t>
  </si>
  <si>
    <t>ナタネ</t>
  </si>
  <si>
    <t>ナツシロギク</t>
  </si>
  <si>
    <t>フィーバーフュー</t>
  </si>
  <si>
    <t>ナットウ菌</t>
  </si>
  <si>
    <t>納豆菌の発酵ろ液</t>
  </si>
  <si>
    <t>ナツメヤシ</t>
  </si>
  <si>
    <t>ナナカマド</t>
  </si>
  <si>
    <t>種子･樹皮</t>
  </si>
  <si>
    <t>ナンキョウ</t>
  </si>
  <si>
    <t>コウズク</t>
  </si>
  <si>
    <t>果実･根</t>
  </si>
  <si>
    <t>ゴガンカジュヒ/チャンチンモドキ</t>
  </si>
  <si>
    <t>果核・果実・樹皮</t>
  </si>
  <si>
    <t>ナンショウヤマイモ</t>
  </si>
  <si>
    <t>ナンヨウアブラギリ</t>
  </si>
  <si>
    <t>タイワンアブラギリ</t>
  </si>
  <si>
    <t>ニオイスミレ</t>
  </si>
  <si>
    <t>ニガウリ</t>
  </si>
  <si>
    <t>ニクズク</t>
  </si>
  <si>
    <t>ナツメグ</t>
  </si>
  <si>
    <t>ニシキギ</t>
  </si>
  <si>
    <t>ニトベギク</t>
  </si>
  <si>
    <t>ニレ</t>
  </si>
  <si>
    <t>ニンジン</t>
  </si>
  <si>
    <t>ニンジン油</t>
  </si>
  <si>
    <t>根・根の圧搾油</t>
  </si>
  <si>
    <t>ニンジンボク</t>
  </si>
  <si>
    <t>ニンニク</t>
  </si>
  <si>
    <t>ネバリミソハギ</t>
  </si>
  <si>
    <t>セッテ・サングリアス</t>
  </si>
  <si>
    <t>ネムノキ</t>
  </si>
  <si>
    <t>ゴウカンヒ/ネムノハナ</t>
  </si>
  <si>
    <t>ノゲイトウ</t>
  </si>
  <si>
    <t>セイショウ</t>
  </si>
  <si>
    <t>ノゲシ</t>
  </si>
  <si>
    <t>ノコギリヤシ</t>
  </si>
  <si>
    <t>ノコギリパルメット</t>
  </si>
  <si>
    <t>ノブドウ</t>
  </si>
  <si>
    <t>茎･根・葉･実</t>
  </si>
  <si>
    <t>ハイゴショウ</t>
  </si>
  <si>
    <t>パイナップル</t>
  </si>
  <si>
    <t>パイナップル加工品</t>
  </si>
  <si>
    <t>パパインは「医」</t>
  </si>
  <si>
    <t>ハイビスカス</t>
  </si>
  <si>
    <t>パウダルコ</t>
  </si>
  <si>
    <t>アクアインカー/イペ</t>
  </si>
  <si>
    <t>発芽種子</t>
  </si>
  <si>
    <t>ハクチャ</t>
  </si>
  <si>
    <t>樹皮・葉は「医」</t>
  </si>
  <si>
    <t>ハクヒショウ</t>
  </si>
  <si>
    <t>ハクショウトウ</t>
  </si>
  <si>
    <t>球果</t>
  </si>
  <si>
    <t>ハコベ</t>
  </si>
  <si>
    <t>ハゴロモソウ</t>
  </si>
  <si>
    <t>バシカン</t>
  </si>
  <si>
    <t>スベリヒユ</t>
  </si>
  <si>
    <t>バショウ</t>
  </si>
  <si>
    <t>レンカ/レンコン/レンジツ/レンニク/レンヨウ</t>
  </si>
  <si>
    <t>雄しべ・果実・根茎・種子・葉・花柄・花蕾</t>
  </si>
  <si>
    <t>パセリ</t>
  </si>
  <si>
    <t>パセリ油</t>
  </si>
  <si>
    <t>種子油・根・葉</t>
  </si>
  <si>
    <t>バターナット</t>
  </si>
  <si>
    <t>パタデバカ</t>
  </si>
  <si>
    <t>ウシノツメ</t>
  </si>
  <si>
    <t>トウヨウミツバチ等が巣に集めた甘味物</t>
  </si>
  <si>
    <t>ハッカ</t>
  </si>
  <si>
    <t>ハッカクレイシ</t>
  </si>
  <si>
    <t>ハックルベリー</t>
  </si>
  <si>
    <t>ハッショウマメ</t>
  </si>
  <si>
    <t>ビロウドマメ</t>
  </si>
  <si>
    <t>キョウカ</t>
  </si>
  <si>
    <t>花から得られた精油</t>
  </si>
  <si>
    <t>バナバ</t>
  </si>
  <si>
    <t>オオバナサルスベリ</t>
  </si>
  <si>
    <t>ハナビラタケ</t>
  </si>
  <si>
    <t>ハネセンナ</t>
  </si>
  <si>
    <t>パパイヤ</t>
  </si>
  <si>
    <t>チチウリ/モクカ</t>
  </si>
  <si>
    <t>オギョウ/ゴギョウ/ソキクソウ</t>
  </si>
  <si>
    <t>ハブソウ</t>
  </si>
  <si>
    <t>ハマゼリ</t>
  </si>
  <si>
    <t>全草（果実を除く）</t>
  </si>
  <si>
    <t>ハマナス</t>
  </si>
  <si>
    <t>ハマナシ</t>
  </si>
  <si>
    <t>果実・花</t>
  </si>
  <si>
    <t>根・根茎・種子・若芽</t>
  </si>
  <si>
    <t>バラ</t>
  </si>
  <si>
    <t>バラ科植物</t>
  </si>
  <si>
    <t>果実･葉・花</t>
  </si>
  <si>
    <t>エイジツは「医」</t>
  </si>
  <si>
    <t>パラミツ</t>
  </si>
  <si>
    <t>ジャック</t>
  </si>
  <si>
    <t>果実・種子・葉・花</t>
  </si>
  <si>
    <t>バラン</t>
  </si>
  <si>
    <t>ハルウコン</t>
  </si>
  <si>
    <t>アロマティカ</t>
  </si>
  <si>
    <t>バレイショ</t>
  </si>
  <si>
    <t>バレイショデンプン</t>
  </si>
  <si>
    <t>パロアッスル</t>
  </si>
  <si>
    <t>ハンシレン</t>
  </si>
  <si>
    <t>ハンダイカイ</t>
  </si>
  <si>
    <t>バクダイ</t>
  </si>
  <si>
    <t>ヒイラギメギ</t>
  </si>
  <si>
    <t>オレゴンブドウ</t>
  </si>
  <si>
    <t>ヒイラギモチ</t>
  </si>
  <si>
    <t>クコツ</t>
  </si>
  <si>
    <t>果実・樹皮・根・葉</t>
  </si>
  <si>
    <t>ヒカゲミズ</t>
  </si>
  <si>
    <t>ヒジツ</t>
  </si>
  <si>
    <t>カヤ</t>
  </si>
  <si>
    <t>ヒシノミ</t>
  </si>
  <si>
    <t>ヒシ</t>
  </si>
  <si>
    <t>ビジョザクラ</t>
  </si>
  <si>
    <t>ヒソップ</t>
  </si>
  <si>
    <t>ヤナギハッカ</t>
  </si>
  <si>
    <t>ヒナギク</t>
  </si>
  <si>
    <t>エンメイギク</t>
  </si>
  <si>
    <t>ヒノキ</t>
  </si>
  <si>
    <t>枝･材・葉</t>
  </si>
  <si>
    <t>ヒバマタ</t>
  </si>
  <si>
    <t>ヒマラヤニンジン</t>
  </si>
  <si>
    <t>ニチリンソウ/ヒグルマ/ヒマワリ油</t>
  </si>
  <si>
    <t>種子・種子油・葉・花</t>
  </si>
  <si>
    <t>ヒメジョオン</t>
  </si>
  <si>
    <t>デイジー</t>
  </si>
  <si>
    <t>ビャクズク</t>
  </si>
  <si>
    <t>ヒョウタン</t>
  </si>
  <si>
    <t>ヒルガオ</t>
  </si>
  <si>
    <t>ビルベリー</t>
  </si>
  <si>
    <t>ビロウドモウズイカ</t>
  </si>
  <si>
    <t>マレイン</t>
  </si>
  <si>
    <t>ビワ</t>
  </si>
  <si>
    <t>種子・樹皮・葉</t>
  </si>
  <si>
    <t>フウトウカズラ</t>
  </si>
  <si>
    <t>カイフウトウ</t>
  </si>
  <si>
    <t>プエラリアミリフィカ</t>
  </si>
  <si>
    <t>貯蔵根</t>
  </si>
  <si>
    <t>ブカトウ</t>
  </si>
  <si>
    <t>カントウヨウ/フキノトウ</t>
  </si>
  <si>
    <t>葉・幼若花茎</t>
  </si>
  <si>
    <t>花蕾は「医」</t>
  </si>
  <si>
    <t>フクベ</t>
  </si>
  <si>
    <t>ブシュカン</t>
  </si>
  <si>
    <t>コウエン/シトロン</t>
  </si>
  <si>
    <t>フタバムグサ</t>
  </si>
  <si>
    <t>ハッカジャセツソウ</t>
  </si>
  <si>
    <t>フダンソウ</t>
  </si>
  <si>
    <t>トウジシャ</t>
  </si>
  <si>
    <t>ブッコ</t>
  </si>
  <si>
    <t>ブッシュティー</t>
  </si>
  <si>
    <t>フッソウゲ</t>
  </si>
  <si>
    <t>カッコウアザミ</t>
  </si>
  <si>
    <t>Ageratum conyzoides</t>
  </si>
  <si>
    <t>胞子</t>
    <rPh sb="0" eb="2">
      <t>ホウシ</t>
    </rPh>
    <phoneticPr fontId="1"/>
  </si>
  <si>
    <t>タコノアシ</t>
  </si>
  <si>
    <t>チョウマメ</t>
  </si>
  <si>
    <t>花</t>
    <rPh sb="0" eb="1">
      <t>ハナ</t>
    </rPh>
    <phoneticPr fontId="1"/>
  </si>
  <si>
    <t>トックリイチゴ</t>
  </si>
  <si>
    <t>完熟偽果</t>
    <rPh sb="0" eb="2">
      <t>カンジュク</t>
    </rPh>
    <rPh sb="2" eb="3">
      <t>ニセ</t>
    </rPh>
    <rPh sb="3" eb="4">
      <t>ハタシ</t>
    </rPh>
    <phoneticPr fontId="1"/>
  </si>
  <si>
    <t>トロロアオイ</t>
  </si>
  <si>
    <t>ネギ</t>
  </si>
  <si>
    <t>ビルマネム</t>
  </si>
  <si>
    <t>樹皮</t>
    <rPh sb="0" eb="2">
      <t>ジュヒ</t>
    </rPh>
    <phoneticPr fontId="1"/>
  </si>
  <si>
    <t>ペピーノ</t>
  </si>
  <si>
    <t>ボタンボウフウ</t>
  </si>
  <si>
    <t>モリシマアカシア</t>
  </si>
  <si>
    <t>ヒレイケチョウガイ</t>
  </si>
  <si>
    <t>L-シトルリン</t>
  </si>
  <si>
    <t>葉・花・果肉油</t>
    <rPh sb="4" eb="5">
      <t>カ</t>
    </rPh>
    <phoneticPr fontId="1"/>
  </si>
  <si>
    <t>茎・種子･種皮・葉・花</t>
  </si>
  <si>
    <t>ブラッククミン</t>
  </si>
  <si>
    <t>ニゲラ</t>
  </si>
  <si>
    <t>ブラックコホッシュ　</t>
  </si>
  <si>
    <t>ラケモサ</t>
  </si>
  <si>
    <t>ブラックベリー</t>
  </si>
  <si>
    <t>ブラックルート</t>
  </si>
  <si>
    <t>アメリカクガイソウ</t>
  </si>
  <si>
    <t>オニマツ/カイガンショウ</t>
  </si>
  <si>
    <t>樹皮・樹皮エキス</t>
  </si>
  <si>
    <t>プランタゴ・オバタ</t>
  </si>
  <si>
    <t>サイリウム・ハスク</t>
  </si>
  <si>
    <t>種子・種皮</t>
  </si>
  <si>
    <t>ブリオニア</t>
  </si>
  <si>
    <t>ブルーベリー</t>
  </si>
  <si>
    <t>プルット</t>
  </si>
  <si>
    <t>ブンタン</t>
  </si>
  <si>
    <t>ザボン/ボンタン</t>
  </si>
  <si>
    <t>ペグアセンヤク</t>
  </si>
  <si>
    <t>心材の水性エキス</t>
  </si>
  <si>
    <t>シカラク</t>
  </si>
  <si>
    <t>果実・果実繊維・茎・葉</t>
  </si>
  <si>
    <t>ベニコウジ</t>
  </si>
  <si>
    <t>麹米</t>
  </si>
  <si>
    <t>ベニバナボロギク</t>
  </si>
  <si>
    <t>ナンヨウギク</t>
  </si>
  <si>
    <t>ヘラオオバコ</t>
  </si>
  <si>
    <t>ヘルニアリアソウ</t>
  </si>
  <si>
    <t>ベルノキ</t>
  </si>
  <si>
    <t>成熟果実</t>
  </si>
  <si>
    <t>ヘンルーダ</t>
  </si>
  <si>
    <t>全草（種子を除く）</t>
  </si>
  <si>
    <t>ホークウィード</t>
  </si>
  <si>
    <t>ミヤマコウゾウリナ</t>
  </si>
  <si>
    <t>ボケ</t>
  </si>
  <si>
    <t>ホコウエイコン</t>
  </si>
  <si>
    <t>タンポポ</t>
  </si>
  <si>
    <t>ホコツシ</t>
  </si>
  <si>
    <t>オランダビユ</t>
  </si>
  <si>
    <t>ボダイジュ</t>
  </si>
  <si>
    <t>果実・花･花の蜜</t>
  </si>
  <si>
    <t>葉・花</t>
  </si>
  <si>
    <t>ホップ</t>
  </si>
  <si>
    <t>ヒシュカ</t>
  </si>
  <si>
    <t>ホホバ</t>
  </si>
  <si>
    <t>ボルド</t>
  </si>
  <si>
    <t>ボロホ</t>
  </si>
  <si>
    <t>果実・果皮・種子</t>
  </si>
  <si>
    <t>ホワイトセージ</t>
  </si>
  <si>
    <t>マアザミ</t>
  </si>
  <si>
    <t>マーシュ</t>
  </si>
  <si>
    <t>マイタケ</t>
  </si>
  <si>
    <t>シロマイタケ</t>
  </si>
  <si>
    <t>マイテン</t>
  </si>
  <si>
    <t>マカ</t>
  </si>
  <si>
    <t>マカマカ</t>
  </si>
  <si>
    <t>マキバクサギ</t>
  </si>
  <si>
    <t>マコモ</t>
  </si>
  <si>
    <t>マチコ</t>
  </si>
  <si>
    <t>マツタケ</t>
  </si>
  <si>
    <t>マテ</t>
  </si>
  <si>
    <t>マヨラナ</t>
  </si>
  <si>
    <t>ハナハッカ/マジョラム</t>
  </si>
  <si>
    <t>マリアアザミ</t>
  </si>
  <si>
    <t>オオアザミ</t>
  </si>
  <si>
    <t>マルバハッカ</t>
  </si>
  <si>
    <t>ニガハッカ</t>
  </si>
  <si>
    <t>根茎・軟化茎</t>
    <rPh sb="3" eb="5">
      <t>ナンカ</t>
    </rPh>
    <rPh sb="5" eb="6">
      <t>ケイ</t>
    </rPh>
    <phoneticPr fontId="1"/>
  </si>
  <si>
    <t>全草</t>
    <rPh sb="0" eb="1">
      <t>ゼン</t>
    </rPh>
    <rPh sb="1" eb="2">
      <t>ソウ</t>
    </rPh>
    <phoneticPr fontId="1"/>
  </si>
  <si>
    <t>シルデナフィル</t>
  </si>
  <si>
    <t>ヒドロキシホモシルデナフィル</t>
  </si>
  <si>
    <t>ホンデナフィル</t>
  </si>
  <si>
    <t>キサントアントラフィル</t>
  </si>
  <si>
    <t>ノルネオシルデナフィル</t>
  </si>
  <si>
    <t>タダラフィル</t>
  </si>
  <si>
    <t>アミノタダラフィル</t>
  </si>
  <si>
    <t>クロロプレタダラフィル</t>
  </si>
  <si>
    <t>バルデナフィル</t>
  </si>
  <si>
    <t>プソイドバルデナフィル</t>
  </si>
  <si>
    <t>デキストロメトルファン</t>
  </si>
  <si>
    <t>ハルマリン</t>
  </si>
  <si>
    <t>ハルミン</t>
  </si>
  <si>
    <t>ブフォテニン</t>
  </si>
  <si>
    <t>全草は「医」</t>
    <rPh sb="0" eb="1">
      <t>ゼン</t>
    </rPh>
    <rPh sb="1" eb="2">
      <t>ソウ</t>
    </rPh>
    <rPh sb="4" eb="5">
      <t>イ</t>
    </rPh>
    <phoneticPr fontId="1"/>
  </si>
  <si>
    <t>地上部</t>
    <rPh sb="0" eb="3">
      <t>チジョウブ</t>
    </rPh>
    <phoneticPr fontId="1"/>
  </si>
  <si>
    <t>マルベリー</t>
  </si>
  <si>
    <t>小梢・葉</t>
  </si>
  <si>
    <t>マンゴー</t>
  </si>
  <si>
    <t>マンダリン</t>
  </si>
  <si>
    <t>ミソハギ</t>
  </si>
  <si>
    <t>ミモザアカシア</t>
  </si>
  <si>
    <t>ミヤコグサ</t>
  </si>
  <si>
    <t>ミント</t>
  </si>
  <si>
    <t>ムカンシ</t>
  </si>
  <si>
    <t>ムクロジ</t>
  </si>
  <si>
    <t>果肉</t>
  </si>
  <si>
    <t>ムラサキセンブリ</t>
  </si>
  <si>
    <t>メグサハッカ</t>
  </si>
  <si>
    <t>メグスリノキ</t>
  </si>
  <si>
    <t>枝・樹皮・葉</t>
  </si>
  <si>
    <t>メシマコブ</t>
  </si>
  <si>
    <t>子実体・菌糸体</t>
  </si>
  <si>
    <t>アルファバーカ/バジリコ/バジル</t>
  </si>
  <si>
    <t>オオマツヨイグサ/マツヨイグ　サ</t>
  </si>
  <si>
    <t>メラレウカ</t>
  </si>
  <si>
    <t>ティートリー油</t>
  </si>
  <si>
    <t>精油</t>
  </si>
  <si>
    <t>メロン</t>
  </si>
  <si>
    <t>メンジツ油</t>
  </si>
  <si>
    <t>ワタ</t>
  </si>
  <si>
    <t>モクテンリョウ</t>
  </si>
  <si>
    <t>マタタビ</t>
  </si>
  <si>
    <t>果実・虫瘻</t>
  </si>
  <si>
    <t>モッカ</t>
  </si>
  <si>
    <t>カリン</t>
  </si>
  <si>
    <t>偽果</t>
  </si>
  <si>
    <t>モッショクシ</t>
  </si>
  <si>
    <t>ガラエ</t>
  </si>
  <si>
    <t>モモタマナ</t>
  </si>
  <si>
    <t>樹皮・実</t>
  </si>
  <si>
    <t>ヤマゴボウ/Cirsium dipsacolepis</t>
  </si>
  <si>
    <t>モロヘイヤ</t>
  </si>
  <si>
    <t>タイワンツナソ</t>
  </si>
  <si>
    <t>ヤーコン</t>
  </si>
  <si>
    <t>アンデスポテト</t>
  </si>
  <si>
    <t>ヤエヤマアオキ</t>
  </si>
  <si>
    <t>ヤグルマギク</t>
  </si>
  <si>
    <t>ココヤシ/ヤシ油</t>
  </si>
  <si>
    <t>種子油・樹皮・葉･花</t>
  </si>
  <si>
    <t>ヤシャビシャク</t>
  </si>
  <si>
    <t>ヤチダモ</t>
  </si>
  <si>
    <t>ヤナギ</t>
  </si>
  <si>
    <t>ヤナギラン</t>
  </si>
  <si>
    <t>ファイアウィード</t>
  </si>
  <si>
    <t>ヤハズツノマタ</t>
  </si>
  <si>
    <t>アイリッシュモス</t>
  </si>
  <si>
    <t>ヤマウルシ</t>
  </si>
  <si>
    <t>ヤマノイモ属</t>
  </si>
  <si>
    <t>ヤマハハコ</t>
  </si>
  <si>
    <t>ヤマハマナス</t>
  </si>
  <si>
    <t>シバイカ</t>
  </si>
  <si>
    <t>ヤマブキ</t>
  </si>
  <si>
    <t>ヤマブシタケ</t>
  </si>
  <si>
    <t>ヤマブドウ</t>
  </si>
  <si>
    <t>ユウガオ</t>
  </si>
  <si>
    <t>コシ</t>
  </si>
  <si>
    <t>果肉・葉・若芽</t>
  </si>
  <si>
    <t>ユーカリ</t>
  </si>
  <si>
    <t>葉・精油</t>
  </si>
  <si>
    <t>ユキチャ</t>
  </si>
  <si>
    <t>ムシゴケ</t>
  </si>
  <si>
    <t>ユズ</t>
  </si>
  <si>
    <t>トウシ</t>
  </si>
  <si>
    <t>ユズリハ</t>
  </si>
  <si>
    <t>コウジョウボク</t>
  </si>
  <si>
    <t>ユッカ</t>
  </si>
  <si>
    <t>キミガヨラン</t>
  </si>
  <si>
    <t>ユリ</t>
  </si>
  <si>
    <t>オニユリ/ビャクゴウ</t>
  </si>
  <si>
    <t>花・鱗茎</t>
  </si>
  <si>
    <t>ヨウシュカンボク</t>
  </si>
  <si>
    <t>ギシギシ/ナカバギシギシ</t>
  </si>
  <si>
    <t>ヨーロッパソクズ</t>
  </si>
  <si>
    <t>ヨカンシ</t>
  </si>
  <si>
    <t>アンマロク/ユカン</t>
  </si>
  <si>
    <t>ヨモギ</t>
  </si>
  <si>
    <t>ガイヨウ/モグサ</t>
  </si>
  <si>
    <t>ヨモギギク</t>
  </si>
  <si>
    <t>タンジー</t>
  </si>
  <si>
    <t>ライガン</t>
  </si>
  <si>
    <t>チクリョウ/モクレンシ/ライシ/ライジツ</t>
  </si>
  <si>
    <t>乾燥した菌核</t>
  </si>
  <si>
    <t>ライフクシ</t>
  </si>
  <si>
    <t>ダイコン</t>
  </si>
  <si>
    <t>ライムギ</t>
  </si>
  <si>
    <t>ラカンカ</t>
  </si>
  <si>
    <t>ラスグラブラ</t>
  </si>
  <si>
    <t>ラズベリー</t>
  </si>
  <si>
    <t>ラッカセイ</t>
  </si>
  <si>
    <t>ナンキンマメ</t>
  </si>
  <si>
    <t>ラフマ</t>
  </si>
  <si>
    <t>コウマ</t>
  </si>
  <si>
    <t>ラベンサラ</t>
  </si>
  <si>
    <t>ラベンダー</t>
  </si>
  <si>
    <t>ランブータン</t>
  </si>
  <si>
    <t>リュウガン</t>
  </si>
  <si>
    <t>果肉・仮種皮・花</t>
  </si>
  <si>
    <t>リュウキド</t>
  </si>
  <si>
    <t>リュウキュウアイ</t>
  </si>
  <si>
    <t>リョウショウカ</t>
  </si>
  <si>
    <t>ノウゼンカズラ</t>
  </si>
  <si>
    <t>リョクトウ</t>
  </si>
  <si>
    <t>ブンドウ</t>
  </si>
  <si>
    <t>種子・花</t>
  </si>
  <si>
    <t>リンゴ</t>
  </si>
  <si>
    <t>汁液発酵の食用酢</t>
  </si>
  <si>
    <t>ルイボス</t>
  </si>
  <si>
    <t>ルリジシャ</t>
  </si>
  <si>
    <t>ボラゴソウ/ボレイジ</t>
  </si>
  <si>
    <t>ルリハコベ</t>
  </si>
  <si>
    <t>ルリヒエンソウ</t>
  </si>
  <si>
    <t>ラークスパー</t>
  </si>
  <si>
    <t>レオヌルスソウ</t>
  </si>
  <si>
    <t>レモングラス</t>
  </si>
  <si>
    <t>レモンソウ</t>
  </si>
  <si>
    <t>レモンタイム</t>
  </si>
  <si>
    <t>レンゲソウ</t>
  </si>
  <si>
    <t>レンセンソウ</t>
  </si>
  <si>
    <t>カキドオシ</t>
  </si>
  <si>
    <t>レンリソウ</t>
  </si>
  <si>
    <t>豆果・若芽</t>
  </si>
  <si>
    <t>ローズヒップ</t>
  </si>
  <si>
    <t>果実・果皮･茎・花</t>
  </si>
  <si>
    <t>ローズマリー</t>
  </si>
  <si>
    <t>マンネンロウ</t>
  </si>
  <si>
    <t>ローマカミツレ</t>
  </si>
  <si>
    <t>頭状花</t>
  </si>
  <si>
    <t>ロベージ</t>
  </si>
  <si>
    <t>レビスチクム</t>
  </si>
  <si>
    <t>ワイルドチェリー</t>
  </si>
  <si>
    <t>ワイルドブラックチェリー</t>
  </si>
  <si>
    <t>ワイルドレタス</t>
  </si>
  <si>
    <t>ワイルドカナダレタス</t>
  </si>
  <si>
    <t>ワサビダイコン</t>
  </si>
  <si>
    <t>果実はジャショウシともいう</t>
    <rPh sb="0" eb="2">
      <t>カジツ</t>
    </rPh>
    <phoneticPr fontId="1"/>
  </si>
  <si>
    <t>果実・小葉・葉柄・葉軸は「医」</t>
    <rPh sb="0" eb="2">
      <t>カジツ</t>
    </rPh>
    <rPh sb="3" eb="4">
      <t>ショウ</t>
    </rPh>
    <rPh sb="4" eb="5">
      <t>ハ</t>
    </rPh>
    <rPh sb="6" eb="7">
      <t>ハ</t>
    </rPh>
    <rPh sb="7" eb="8">
      <t>ヘイ</t>
    </rPh>
    <rPh sb="9" eb="10">
      <t>ハ</t>
    </rPh>
    <rPh sb="10" eb="11">
      <t>ジク</t>
    </rPh>
    <rPh sb="13" eb="14">
      <t>イ</t>
    </rPh>
    <phoneticPr fontId="1"/>
  </si>
  <si>
    <t>タイケイ/Cirsium nipponense/Cirsium spicatum/Cirsium japonicumとその近縁種</t>
    <rPh sb="61" eb="63">
      <t>キンエン</t>
    </rPh>
    <rPh sb="63" eb="64">
      <t>タネ</t>
    </rPh>
    <phoneticPr fontId="1"/>
  </si>
  <si>
    <t>イカ</t>
    <phoneticPr fontId="1"/>
  </si>
  <si>
    <t>陰茎</t>
    <phoneticPr fontId="1"/>
  </si>
  <si>
    <t>カイリュウ</t>
    <phoneticPr fontId="1"/>
  </si>
  <si>
    <t>カキ＜牡蛎＞</t>
    <phoneticPr fontId="1"/>
  </si>
  <si>
    <t>カギュウマツ</t>
    <phoneticPr fontId="1"/>
  </si>
  <si>
    <t>カツオ</t>
    <phoneticPr fontId="1"/>
  </si>
  <si>
    <t>カメムシ</t>
    <phoneticPr fontId="1"/>
  </si>
  <si>
    <t>肝臓</t>
    <phoneticPr fontId="1"/>
  </si>
  <si>
    <t>肝油</t>
    <phoneticPr fontId="1"/>
  </si>
  <si>
    <t>血液</t>
    <phoneticPr fontId="1"/>
  </si>
  <si>
    <t>ゴウシマ</t>
    <phoneticPr fontId="1"/>
  </si>
  <si>
    <t>骨粉</t>
    <phoneticPr fontId="1"/>
  </si>
  <si>
    <t>コブラ</t>
    <phoneticPr fontId="1"/>
  </si>
  <si>
    <t>コンドロイチン加水分解二糖</t>
    <phoneticPr fontId="1"/>
  </si>
  <si>
    <t>サメ</t>
    <phoneticPr fontId="1"/>
  </si>
  <si>
    <t>角</t>
    <phoneticPr fontId="1"/>
  </si>
  <si>
    <t>ウシ・ヒツジ・ブタの胎盤</t>
    <phoneticPr fontId="1"/>
  </si>
  <si>
    <t>ウシ/ラバ/ロバ</t>
  </si>
  <si>
    <t>皮膚を水で煮て製したにかわ</t>
  </si>
  <si>
    <t>油</t>
    <rPh sb="0" eb="1">
      <t>アブラ</t>
    </rPh>
    <phoneticPr fontId="1"/>
  </si>
  <si>
    <t>アシドフィルス菌</t>
  </si>
  <si>
    <t>菌体</t>
  </si>
  <si>
    <t>アズマニシキガイ</t>
  </si>
  <si>
    <t>貝肉</t>
  </si>
  <si>
    <t>アリ</t>
  </si>
  <si>
    <t>アリノコ</t>
  </si>
  <si>
    <t>アリ・アリの子</t>
  </si>
  <si>
    <t>アワビ</t>
  </si>
  <si>
    <t>セキケツメイ</t>
  </si>
  <si>
    <t>殻</t>
  </si>
  <si>
    <t>イカスミ/ウゾクコツ/コウイカ</t>
  </si>
  <si>
    <t>イカの墨・甲骨</t>
  </si>
  <si>
    <t>イワシ</t>
  </si>
  <si>
    <t>サーディンペプチド</t>
  </si>
  <si>
    <t>油・タンパク質</t>
  </si>
  <si>
    <t>イヌ・オットセイ・シカの陰茎・睾丸は「医」</t>
  </si>
  <si>
    <t>ウコッケイ</t>
  </si>
  <si>
    <t>血液･卵・内臓・肉</t>
  </si>
  <si>
    <t>ウナギ</t>
  </si>
  <si>
    <t>全体</t>
  </si>
  <si>
    <t>オオトカゲ</t>
  </si>
  <si>
    <t>オットセイ</t>
  </si>
  <si>
    <t>カロペプタイド</t>
  </si>
  <si>
    <t>骨格筋抽出物</t>
  </si>
  <si>
    <t>陰茎・睾丸は「医」</t>
  </si>
  <si>
    <t>カイエン</t>
  </si>
  <si>
    <t>イトマキヒトデ</t>
  </si>
  <si>
    <t>カイバ</t>
  </si>
  <si>
    <t>タツノオトシゴ</t>
  </si>
  <si>
    <t>マガキ/ボレイ</t>
  </si>
  <si>
    <t>貝殻・貝肉・貝肉エキス</t>
  </si>
  <si>
    <t>カタツムリ</t>
  </si>
  <si>
    <t>腹足類の乾燥粉末</t>
  </si>
  <si>
    <t>核酸</t>
  </si>
  <si>
    <t>ＤＮＡ/ＲＮＡ</t>
  </si>
  <si>
    <t>かつお節/かつお節オリゴペプチド</t>
  </si>
  <si>
    <t>カニ</t>
  </si>
  <si>
    <t>甲羅</t>
  </si>
  <si>
    <t>カメ</t>
  </si>
  <si>
    <t>ウミガメ</t>
  </si>
  <si>
    <t>九香虫</t>
    <rPh sb="0" eb="1">
      <t>キュウ</t>
    </rPh>
    <rPh sb="1" eb="2">
      <t>カオ</t>
    </rPh>
    <rPh sb="2" eb="3">
      <t>ムシ</t>
    </rPh>
    <phoneticPr fontId="1"/>
  </si>
  <si>
    <t>全体</t>
    <rPh sb="0" eb="1">
      <t>ゼン</t>
    </rPh>
    <rPh sb="1" eb="2">
      <t>カラダ</t>
    </rPh>
    <phoneticPr fontId="1"/>
  </si>
  <si>
    <t>魚油</t>
  </si>
  <si>
    <t>イワシ等の精製油</t>
  </si>
  <si>
    <t>ウシ・シカ・ブタの血液・血漿</t>
  </si>
  <si>
    <t>ヒト血液は「医」</t>
  </si>
  <si>
    <t>アカガエル</t>
  </si>
  <si>
    <t>アカガエルの輸卵管</t>
  </si>
  <si>
    <t>骨髄</t>
  </si>
  <si>
    <t>ウシ骨髄</t>
  </si>
  <si>
    <t>ヒト骨髄は「医」</t>
  </si>
  <si>
    <t>ウシ・魚類等の骨の粉末</t>
  </si>
  <si>
    <t>海洋性微生物の生産するグリコサミノグリカンの分解物</t>
  </si>
  <si>
    <t>サソリ</t>
  </si>
  <si>
    <t>キョクトウサソリ</t>
  </si>
  <si>
    <t>食塩水に入れ殺して乾燥したもの</t>
  </si>
  <si>
    <t>サメナンコツ/フカヒレ</t>
  </si>
  <si>
    <t>軟骨・ヒレ・ヒレのエキス</t>
  </si>
  <si>
    <t>サンゴ</t>
  </si>
  <si>
    <t>シカ等の成熟した角・袋角・幼角</t>
  </si>
  <si>
    <t>シジミ</t>
  </si>
  <si>
    <t>マシジミ/ヤマトシジミ</t>
  </si>
  <si>
    <t>貝肉・貝肉エキス</t>
  </si>
  <si>
    <t>シャチュウ</t>
  </si>
  <si>
    <t>サツマゴキブリ</t>
  </si>
  <si>
    <t>心臓</t>
  </si>
  <si>
    <t>ウシ/ウマ</t>
  </si>
  <si>
    <t>ウシ・ウマの心臓</t>
  </si>
  <si>
    <t>スクアラミン</t>
  </si>
  <si>
    <t>サメの肝臓</t>
  </si>
  <si>
    <t>葉は「非医」</t>
    <rPh sb="0" eb="1">
      <t>ハ</t>
    </rPh>
    <phoneticPr fontId="1"/>
  </si>
  <si>
    <t>スッポン</t>
  </si>
  <si>
    <t>シナスッポン/ベッコウ</t>
  </si>
  <si>
    <t>血液・卵・内臓・肉・背甲・腹甲</t>
  </si>
  <si>
    <t>精巣</t>
  </si>
  <si>
    <t>シラコ</t>
  </si>
  <si>
    <t>食用魚類の精巣</t>
  </si>
  <si>
    <t>ソウヒョウショウ</t>
  </si>
  <si>
    <t>カマキリ</t>
  </si>
  <si>
    <t>カマキリの卵鞘</t>
  </si>
  <si>
    <t>胎盤</t>
  </si>
  <si>
    <t>ヒト胎盤は「医」</t>
  </si>
  <si>
    <t>コイ・ヘビの胆嚢</t>
  </si>
  <si>
    <t>ウシ・クマ・ブタの胆汁・胆嚢は「医」</t>
  </si>
  <si>
    <t>アコヤガイ/シンジュ</t>
  </si>
  <si>
    <t>外套膜組織中の顆粒物・真珠・貝肉</t>
  </si>
  <si>
    <t>ツバメ巣</t>
  </si>
  <si>
    <t>ツバメの巣</t>
  </si>
  <si>
    <t>爬虫類・哺乳類の軟骨抽出物</t>
  </si>
  <si>
    <t>ニワトリ</t>
  </si>
  <si>
    <t>乳汁</t>
  </si>
  <si>
    <t>バニュウ</t>
  </si>
  <si>
    <t>ハチ</t>
  </si>
  <si>
    <t>ハチノコ</t>
  </si>
  <si>
    <t>ハブ</t>
  </si>
  <si>
    <t>ヒメハブ</t>
  </si>
  <si>
    <t>ビフィズス菌</t>
  </si>
  <si>
    <t>ウマビル/スイテツ/チスイビル/チャイロビル</t>
  </si>
  <si>
    <t>フグノクロヤキ</t>
  </si>
  <si>
    <t>フグ/マフグ</t>
  </si>
  <si>
    <t>フグの黒焼</t>
  </si>
  <si>
    <t>蛇毒は「医」</t>
  </si>
  <si>
    <t>マムシ</t>
  </si>
  <si>
    <t>ハンビ/フクダ</t>
  </si>
  <si>
    <t>ハチが分泌するロウ質</t>
  </si>
  <si>
    <t>ミドリイガイ</t>
  </si>
  <si>
    <t>卵黄油</t>
  </si>
  <si>
    <t>卵黄の油</t>
  </si>
  <si>
    <t>卵殻</t>
  </si>
  <si>
    <t>リュウシツ</t>
  </si>
  <si>
    <t>ケンゴロウ</t>
  </si>
  <si>
    <t>ローヤルゼリー</t>
  </si>
  <si>
    <t>アキョウ</t>
    <phoneticPr fontId="1"/>
  </si>
  <si>
    <t>アザラシ</t>
    <phoneticPr fontId="1"/>
  </si>
  <si>
    <t>亜鉛</t>
  </si>
  <si>
    <t>ヘマトコッカス藻の主成分</t>
    <rPh sb="7" eb="8">
      <t>モ</t>
    </rPh>
    <rPh sb="9" eb="12">
      <t>シュセイブン</t>
    </rPh>
    <phoneticPr fontId="1"/>
  </si>
  <si>
    <t>アスパラギン</t>
  </si>
  <si>
    <t>アスパラギン酸</t>
  </si>
  <si>
    <t>アラニン</t>
  </si>
  <si>
    <t>アリシン</t>
  </si>
  <si>
    <t>アルブミン</t>
  </si>
  <si>
    <t>アントシアニジン</t>
  </si>
  <si>
    <t>ＥＰＡ/エイコサペンタエン酸</t>
  </si>
  <si>
    <t>イソフラキシジン</t>
  </si>
  <si>
    <t>イソロイシン</t>
  </si>
  <si>
    <t>イヌリン</t>
  </si>
  <si>
    <t>イノシトール</t>
  </si>
  <si>
    <t>フィチン</t>
  </si>
  <si>
    <t>雲母</t>
  </si>
  <si>
    <t>オクタコサノール</t>
  </si>
  <si>
    <t>オリゴ糖</t>
  </si>
  <si>
    <t>オリゴ配糖体</t>
  </si>
  <si>
    <t>オルニチン</t>
  </si>
  <si>
    <t>カテキン</t>
  </si>
  <si>
    <t>カテキン酸</t>
  </si>
  <si>
    <t>果糖</t>
  </si>
  <si>
    <t>カフェイン</t>
  </si>
  <si>
    <t>カラギーナン</t>
  </si>
  <si>
    <t>カリウム</t>
  </si>
  <si>
    <t>カルシウム</t>
  </si>
  <si>
    <t>炭酸カルシウム</t>
  </si>
  <si>
    <t>カロチン</t>
  </si>
  <si>
    <t>還元麦芽糖</t>
  </si>
  <si>
    <t>環状重合乳酸</t>
  </si>
  <si>
    <t>岩石粉</t>
  </si>
  <si>
    <t>γ－アミノ酪酸</t>
  </si>
  <si>
    <t>ギャバ</t>
  </si>
  <si>
    <t>キシリトール</t>
  </si>
  <si>
    <t>キチン</t>
  </si>
  <si>
    <t>キトサン</t>
  </si>
  <si>
    <t>キトサンオリゴ糖</t>
  </si>
  <si>
    <t>絹</t>
  </si>
  <si>
    <t>シルク</t>
  </si>
  <si>
    <t>金</t>
  </si>
  <si>
    <t>グアガム</t>
  </si>
  <si>
    <t>クエン酸</t>
  </si>
  <si>
    <t>クエン酸マグネシウム</t>
  </si>
  <si>
    <t>グリシン</t>
  </si>
  <si>
    <t>グリセリン</t>
  </si>
  <si>
    <t>クルクミン</t>
  </si>
  <si>
    <t>グルコン酸亜鉛</t>
  </si>
  <si>
    <t>グルコン酸鉄</t>
  </si>
  <si>
    <t>グルタミン</t>
  </si>
  <si>
    <t>グルタミン酸</t>
  </si>
  <si>
    <t>クレアチン</t>
  </si>
  <si>
    <t>クロム（Ⅲ）</t>
  </si>
  <si>
    <t>クロロフィル</t>
  </si>
  <si>
    <t>ケイ素</t>
  </si>
  <si>
    <t>酸化ケイ素</t>
  </si>
  <si>
    <t>ケルセチン</t>
  </si>
  <si>
    <t>ゲルマニウム</t>
  </si>
  <si>
    <t>コエンザイムＡ</t>
  </si>
  <si>
    <t>コエンザイムＱ１０</t>
  </si>
  <si>
    <t>コラーゲン</t>
  </si>
  <si>
    <t>コンドロイチン硫酸</t>
  </si>
  <si>
    <t>大豆サポニン</t>
  </si>
  <si>
    <t>シスタチオン</t>
  </si>
  <si>
    <t>シスチン</t>
  </si>
  <si>
    <t>システイン</t>
  </si>
  <si>
    <t>酒石酸</t>
  </si>
  <si>
    <t>植物性ステロール</t>
  </si>
  <si>
    <t>植物繊維</t>
  </si>
  <si>
    <t>食物繊維</t>
  </si>
  <si>
    <t>ＳＯＤ</t>
  </si>
  <si>
    <t>スクワレン</t>
  </si>
  <si>
    <t>炭焼の乾留水</t>
  </si>
  <si>
    <t>石膏</t>
  </si>
  <si>
    <t>ゼラチン</t>
  </si>
  <si>
    <t>セラミド</t>
  </si>
  <si>
    <t>セリン</t>
  </si>
  <si>
    <t>セレン</t>
  </si>
  <si>
    <t>タルク</t>
  </si>
  <si>
    <t>チロシン</t>
  </si>
  <si>
    <t>デキストリン</t>
  </si>
  <si>
    <t>鉄</t>
  </si>
  <si>
    <t>銅</t>
  </si>
  <si>
    <t>ＤＨＡ</t>
  </si>
  <si>
    <t>トコトリエノール</t>
  </si>
  <si>
    <t>トリプトファン</t>
  </si>
  <si>
    <t>トレオニン</t>
  </si>
  <si>
    <t>ナイアシン</t>
  </si>
  <si>
    <t>ニコチン酸</t>
  </si>
  <si>
    <t>乳清</t>
  </si>
  <si>
    <t>乳糖</t>
  </si>
  <si>
    <t>麦飯石</t>
  </si>
  <si>
    <t>バリン</t>
  </si>
  <si>
    <t>パントテン酸</t>
  </si>
  <si>
    <t>パントテン酸カルシウム</t>
  </si>
  <si>
    <t>ヒアルロン酸</t>
  </si>
  <si>
    <t>ビオチン</t>
  </si>
  <si>
    <t>ビタミンＨ</t>
  </si>
  <si>
    <t>ピコリン酸クロム</t>
  </si>
  <si>
    <t>クロミウムピコリネート</t>
  </si>
  <si>
    <t>ヒスチジン</t>
  </si>
  <si>
    <t>ビタミンＡ</t>
  </si>
  <si>
    <t>レチノール</t>
  </si>
  <si>
    <t>ビタミンＢ１</t>
  </si>
  <si>
    <t>チアミン</t>
  </si>
  <si>
    <t>シアノコバラミン</t>
  </si>
  <si>
    <t>ビタミンＢ２</t>
  </si>
  <si>
    <t>リボフラビン</t>
  </si>
  <si>
    <t>ビタミンＢ６</t>
  </si>
  <si>
    <t>ピリドキシン</t>
  </si>
  <si>
    <t>ビタミンＣ</t>
  </si>
  <si>
    <t>アスコルビン酸</t>
  </si>
  <si>
    <t>ビタミンＤ</t>
  </si>
  <si>
    <t>カルシフェロール</t>
  </si>
  <si>
    <t>ビタミンＥ</t>
  </si>
  <si>
    <t>トコフェロール</t>
  </si>
  <si>
    <t>ヒドロキシリシン</t>
  </si>
  <si>
    <t>フィコシアニン</t>
  </si>
  <si>
    <t>フェニルアラニン</t>
  </si>
  <si>
    <t>フェリチン鉄</t>
  </si>
  <si>
    <t>フッ素</t>
  </si>
  <si>
    <t>フルボ酸</t>
  </si>
  <si>
    <t>プロポリス</t>
  </si>
  <si>
    <t>プロリン</t>
  </si>
  <si>
    <t>ベータカロチン</t>
  </si>
  <si>
    <t>ヘスペリジン</t>
  </si>
  <si>
    <t>ヘム鉄</t>
  </si>
  <si>
    <t>マグネシウム</t>
  </si>
  <si>
    <t>マンガン</t>
  </si>
  <si>
    <t>ムコ多糖類</t>
  </si>
  <si>
    <t>キジツ/キコク/トウヒ
/Ｃｉｔｒｕｓ　natsudaidai</t>
  </si>
  <si>
    <t>メチオニン</t>
  </si>
  <si>
    <t>木灰</t>
  </si>
  <si>
    <t>モリブデン</t>
  </si>
  <si>
    <t>葉酸</t>
  </si>
  <si>
    <t>ビタミンＭ</t>
  </si>
  <si>
    <t>ヨウ素</t>
  </si>
  <si>
    <t>ラクトフェリン</t>
  </si>
  <si>
    <t>樹脂アルコール/レジノール</t>
  </si>
  <si>
    <t>リジン</t>
  </si>
  <si>
    <t>リノール酸</t>
  </si>
  <si>
    <t>リノレン酸</t>
  </si>
  <si>
    <t>流動パラフィン</t>
  </si>
  <si>
    <t>リン</t>
  </si>
  <si>
    <t>ルチン</t>
  </si>
  <si>
    <t>ルテイン</t>
  </si>
  <si>
    <t>ロイシン</t>
  </si>
  <si>
    <t>地上部の熱水抽出(１００℃８分以上又は同等以上の方法）後の残渣</t>
    <rPh sb="0" eb="3">
      <t>チジョウブ</t>
    </rPh>
    <rPh sb="4" eb="6">
      <t>ネッスイ</t>
    </rPh>
    <rPh sb="6" eb="8">
      <t>チュウシュツ</t>
    </rPh>
    <rPh sb="27" eb="28">
      <t>ゴ</t>
    </rPh>
    <rPh sb="29" eb="31">
      <t>ザンサ</t>
    </rPh>
    <phoneticPr fontId="1"/>
  </si>
  <si>
    <t>地上部の熱水抽出(１００℃８分以上又は同等以上の方法）後の残渣は「非医」</t>
    <rPh sb="0" eb="2">
      <t>チジョウ</t>
    </rPh>
    <rPh sb="33" eb="34">
      <t>ヒ</t>
    </rPh>
    <rPh sb="34" eb="35">
      <t>イ</t>
    </rPh>
    <phoneticPr fontId="1"/>
  </si>
  <si>
    <t>３．その他（化学物質等）</t>
  </si>
  <si>
    <t>（例）</t>
  </si>
  <si>
    <t>名　　　称</t>
  </si>
  <si>
    <t>他　　名　　等</t>
  </si>
  <si>
    <t>備　　考</t>
  </si>
  <si>
    <t>アスピリン</t>
  </si>
  <si>
    <t/>
  </si>
  <si>
    <t>アミラーゼ</t>
  </si>
  <si>
    <t>ジアスターゼ</t>
  </si>
  <si>
    <t>アラントイン</t>
  </si>
  <si>
    <t>アロイン</t>
  </si>
  <si>
    <t>バルバロイン</t>
  </si>
  <si>
    <t>アロエの成分</t>
  </si>
  <si>
    <t>アンジオテンシン</t>
  </si>
  <si>
    <t>インベルターゼ</t>
  </si>
  <si>
    <t>エフェドリン</t>
  </si>
  <si>
    <t>カオリン</t>
  </si>
  <si>
    <t>カタラーゼ</t>
  </si>
  <si>
    <t>γ－オリザノール</t>
  </si>
  <si>
    <t>グアイフェネジン</t>
  </si>
  <si>
    <t>グルタチオン</t>
  </si>
  <si>
    <t>ＧＢＬ</t>
  </si>
  <si>
    <t>ソリシ/Rhamnus属</t>
    <rPh sb="11" eb="12">
      <t>ゾク</t>
    </rPh>
    <phoneticPr fontId="1"/>
  </si>
  <si>
    <t>アラビアモツヤク/モツヤク/モツヤクジュ/ミルラ/Commiphora属</t>
    <rPh sb="35" eb="36">
      <t>ゾク</t>
    </rPh>
    <phoneticPr fontId="1"/>
  </si>
  <si>
    <t>コンミフォラ属</t>
    <rPh sb="6" eb="7">
      <t>ゾク</t>
    </rPh>
    <phoneticPr fontId="1"/>
  </si>
  <si>
    <t>Digitalis属</t>
    <rPh sb="9" eb="10">
      <t>ゾク</t>
    </rPh>
    <phoneticPr fontId="1"/>
  </si>
  <si>
    <t>シクロフェニール</t>
  </si>
  <si>
    <t>臭化水素酸デキストロメトルファン</t>
  </si>
  <si>
    <t>Dextromethorphan Hydrobromide</t>
  </si>
  <si>
    <t>スルフォンアミド</t>
  </si>
  <si>
    <t>○　医薬品的効能効果を標ぼうしない限り医薬品と判断しない成分本質（原材料）リスト</t>
    <rPh sb="2" eb="5">
      <t>イヤクヒン</t>
    </rPh>
    <rPh sb="5" eb="6">
      <t>テキ</t>
    </rPh>
    <rPh sb="6" eb="8">
      <t>コウノウ</t>
    </rPh>
    <rPh sb="8" eb="10">
      <t>コウカ</t>
    </rPh>
    <rPh sb="11" eb="12">
      <t>ヒョウ</t>
    </rPh>
    <rPh sb="17" eb="18">
      <t>カギ</t>
    </rPh>
    <rPh sb="19" eb="22">
      <t>イヤクヒン</t>
    </rPh>
    <rPh sb="23" eb="25">
      <t>ハンダン</t>
    </rPh>
    <rPh sb="28" eb="30">
      <t>セイブン</t>
    </rPh>
    <rPh sb="30" eb="32">
      <t>ホンシツ</t>
    </rPh>
    <rPh sb="33" eb="36">
      <t>ゲンザイリョウ</t>
    </rPh>
    <phoneticPr fontId="1"/>
  </si>
  <si>
    <t>果実・果皮・蕾</t>
    <rPh sb="0" eb="2">
      <t>カジツ</t>
    </rPh>
    <rPh sb="3" eb="5">
      <t>カヒ</t>
    </rPh>
    <rPh sb="6" eb="7">
      <t>ツボミ</t>
    </rPh>
    <phoneticPr fontId="1"/>
  </si>
  <si>
    <t>肉質茎</t>
    <rPh sb="0" eb="2">
      <t>ニクシツ</t>
    </rPh>
    <rPh sb="2" eb="3">
      <t>クキ</t>
    </rPh>
    <phoneticPr fontId="1"/>
  </si>
  <si>
    <t>果実・果皮・根皮･樹皮・花</t>
    <rPh sb="12" eb="13">
      <t>ハナ</t>
    </rPh>
    <phoneticPr fontId="1"/>
  </si>
  <si>
    <t>種子・花から集めた蜂蜜・茎・葉</t>
    <rPh sb="12" eb="13">
      <t>クキ</t>
    </rPh>
    <rPh sb="14" eb="15">
      <t>ハ</t>
    </rPh>
    <phoneticPr fontId="1"/>
  </si>
  <si>
    <t>果実・果皮・蕾・花</t>
    <rPh sb="0" eb="2">
      <t>カジツ</t>
    </rPh>
    <rPh sb="3" eb="5">
      <t>カヒ</t>
    </rPh>
    <rPh sb="6" eb="7">
      <t>ツボミ</t>
    </rPh>
    <rPh sb="8" eb="9">
      <t>ハナ</t>
    </rPh>
    <phoneticPr fontId="1"/>
  </si>
  <si>
    <t>完熟果実</t>
    <rPh sb="0" eb="2">
      <t>カンジュク</t>
    </rPh>
    <rPh sb="2" eb="4">
      <t>カジツ</t>
    </rPh>
    <phoneticPr fontId="1"/>
  </si>
  <si>
    <t>茶葡萄/藤茶/Ampelopsis grossedentata/Ampelopsis cantoniensis var. grossedentata</t>
    <rPh sb="0" eb="1">
      <t>チャ</t>
    </rPh>
    <rPh sb="1" eb="3">
      <t>ブドウ</t>
    </rPh>
    <rPh sb="4" eb="5">
      <t>フジ</t>
    </rPh>
    <rPh sb="5" eb="6">
      <t>チャ</t>
    </rPh>
    <phoneticPr fontId="1"/>
  </si>
  <si>
    <t>茎・葉</t>
    <rPh sb="0" eb="1">
      <t>クキ</t>
    </rPh>
    <rPh sb="2" eb="3">
      <t>ハ</t>
    </rPh>
    <phoneticPr fontId="1"/>
  </si>
  <si>
    <t>果実・根・葉</t>
    <rPh sb="5" eb="6">
      <t>ハ</t>
    </rPh>
    <phoneticPr fontId="1"/>
  </si>
  <si>
    <t>根茎</t>
    <rPh sb="0" eb="2">
      <t>コンケイ</t>
    </rPh>
    <phoneticPr fontId="1"/>
  </si>
  <si>
    <t>チオクト酸</t>
    <rPh sb="4" eb="5">
      <t>サン</t>
    </rPh>
    <phoneticPr fontId="1"/>
  </si>
  <si>
    <t>α-リポ酸</t>
    <rPh sb="4" eb="5">
      <t>サン</t>
    </rPh>
    <phoneticPr fontId="1"/>
  </si>
  <si>
    <t>フェルラ酸</t>
    <rPh sb="4" eb="5">
      <t>サン</t>
    </rPh>
    <phoneticPr fontId="1"/>
  </si>
  <si>
    <t>鉱石</t>
  </si>
  <si>
    <t>タウリン</t>
  </si>
  <si>
    <t>ＤＨＥＡ</t>
  </si>
  <si>
    <t>ケファエリス属</t>
    <rPh sb="6" eb="7">
      <t>ゾク</t>
    </rPh>
    <phoneticPr fontId="1"/>
  </si>
  <si>
    <t>クロウメモドキ属</t>
    <rPh sb="7" eb="8">
      <t>ゾク</t>
    </rPh>
    <phoneticPr fontId="1"/>
  </si>
  <si>
    <t>ホオズキ属</t>
    <rPh sb="4" eb="5">
      <t>ゾク</t>
    </rPh>
    <phoneticPr fontId="1"/>
  </si>
  <si>
    <t>シオデ属</t>
    <rPh sb="3" eb="4">
      <t>ゾク</t>
    </rPh>
    <phoneticPr fontId="1"/>
  </si>
  <si>
    <t>ボスウェリア・セラータ（Boｓwellia serrata）の樹脂は「非医」</t>
    <rPh sb="31" eb="33">
      <t>ジュシ</t>
    </rPh>
    <rPh sb="35" eb="36">
      <t>ヒ</t>
    </rPh>
    <rPh sb="36" eb="37">
      <t>イ</t>
    </rPh>
    <phoneticPr fontId="1"/>
  </si>
  <si>
    <t>ニュウコウ/Boｓwellia属</t>
    <rPh sb="15" eb="16">
      <t>ゾク</t>
    </rPh>
    <phoneticPr fontId="1"/>
  </si>
  <si>
    <t>サンショウコン/Physalis属</t>
    <rPh sb="16" eb="17">
      <t>ゾク</t>
    </rPh>
    <phoneticPr fontId="1"/>
  </si>
  <si>
    <t>デヒドロエピアンドロステロン</t>
  </si>
  <si>
    <t>ニコチン</t>
  </si>
  <si>
    <t>パンクレアチン</t>
  </si>
  <si>
    <t>ＢＤ</t>
  </si>
  <si>
    <t>１，４－ブタンジオール</t>
  </si>
  <si>
    <t>５－ＨＴＰ（ヒドロキシトリプトファン）</t>
  </si>
  <si>
    <t>L-5-Hydroxy-tryptophan</t>
  </si>
  <si>
    <t>ビンカミン</t>
  </si>
  <si>
    <t>プロスタグランジン</t>
  </si>
  <si>
    <t>プロテアーゼ</t>
  </si>
  <si>
    <t>ブロメライン</t>
  </si>
  <si>
    <t>ペプシン</t>
  </si>
  <si>
    <t>マルターゼ</t>
  </si>
  <si>
    <t>メラトニン</t>
  </si>
  <si>
    <t>松果体ホルモン</t>
  </si>
  <si>
    <t>全木（ガムググルの樹脂を除く）</t>
    <phoneticPr fontId="1"/>
  </si>
  <si>
    <t>フンボウイ/Stephania　tetranda</t>
    <phoneticPr fontId="1"/>
  </si>
  <si>
    <t>全木（ボスウェリア・セラータの樹脂を除く）</t>
    <phoneticPr fontId="1"/>
  </si>
  <si>
    <t>ボスウェリア属</t>
    <rPh sb="6" eb="7">
      <t>ゾク</t>
    </rPh>
    <phoneticPr fontId="1"/>
  </si>
  <si>
    <t>葉・サンキライ以外の根</t>
    <rPh sb="7" eb="9">
      <t>イガイ</t>
    </rPh>
    <rPh sb="10" eb="11">
      <t>ネ</t>
    </rPh>
    <phoneticPr fontId="1"/>
  </si>
  <si>
    <t>その他のボスウェリア属の全木は「医」</t>
    <rPh sb="2" eb="3">
      <t>タ</t>
    </rPh>
    <rPh sb="10" eb="11">
      <t>ゾク</t>
    </rPh>
    <rPh sb="12" eb="13">
      <t>ゼン</t>
    </rPh>
    <rPh sb="13" eb="14">
      <t>ボク</t>
    </rPh>
    <rPh sb="16" eb="17">
      <t>イ</t>
    </rPh>
    <phoneticPr fontId="1"/>
  </si>
  <si>
    <t>葉は「非医」、サンキライ以外のシオデ属の葉・根は「非医」</t>
    <phoneticPr fontId="1"/>
  </si>
  <si>
    <t>ヨウキセキ</t>
  </si>
  <si>
    <t>ラクターゼ</t>
  </si>
  <si>
    <t>リパーゼ</t>
  </si>
  <si>
    <t>ルンブルキナーゼ</t>
  </si>
  <si>
    <t>２．動物由来物等</t>
  </si>
  <si>
    <t>カイクジン</t>
  </si>
  <si>
    <t>オットセイ/ゴマフアザラシ</t>
  </si>
  <si>
    <t>陰茎･睾丸</t>
  </si>
  <si>
    <t>ヒト血液</t>
  </si>
  <si>
    <t>コウクベン</t>
  </si>
  <si>
    <t>陰茎・睾丸</t>
  </si>
  <si>
    <t>ゴオウ</t>
  </si>
  <si>
    <t>ウシ</t>
  </si>
  <si>
    <t>胆嚢中の結石</t>
  </si>
  <si>
    <t>トラ</t>
  </si>
  <si>
    <t>骨格</t>
  </si>
  <si>
    <t>ワシントン条約で輸入が禁止されている</t>
  </si>
  <si>
    <t>コツズイ</t>
  </si>
  <si>
    <t>ヒト骨髄</t>
  </si>
  <si>
    <t>ゴレイシ</t>
  </si>
  <si>
    <t>シベット</t>
  </si>
  <si>
    <t>ジャコウネコ/レイビョウコウ</t>
  </si>
  <si>
    <t>ジャコウジカ</t>
  </si>
  <si>
    <t>ジャドク</t>
  </si>
  <si>
    <t>ヘビ</t>
  </si>
  <si>
    <t>蛇毒</t>
  </si>
  <si>
    <t>全形</t>
  </si>
  <si>
    <t>センソ</t>
  </si>
  <si>
    <t>シナヒキガエル</t>
  </si>
  <si>
    <t>毒腺分泌物</t>
  </si>
  <si>
    <t>アブラゼミ/クマゼミ</t>
  </si>
  <si>
    <t>蛻殻</t>
  </si>
  <si>
    <t>シカシャ</t>
  </si>
  <si>
    <t>ヒト胎盤</t>
  </si>
  <si>
    <t>ウシ/クマ/ブタ</t>
  </si>
  <si>
    <t>ウシ・クマ・ブタの胆汁･胆嚢</t>
  </si>
  <si>
    <t>バホウ</t>
  </si>
  <si>
    <t>ウマ</t>
  </si>
  <si>
    <t>胃腸結石</t>
  </si>
  <si>
    <t>ボウチュウ</t>
  </si>
  <si>
    <t>アブ</t>
  </si>
  <si>
    <t>全虫</t>
  </si>
  <si>
    <t>レイヨウカク</t>
  </si>
  <si>
    <t>サイカレイヨウ</t>
  </si>
  <si>
    <t>角</t>
  </si>
  <si>
    <t>ロクジョウ</t>
  </si>
  <si>
    <t>雄の幼角</t>
  </si>
  <si>
    <t>ロクベン</t>
  </si>
  <si>
    <t>ロクジン</t>
  </si>
  <si>
    <t>シカの陰茎･睾丸</t>
  </si>
  <si>
    <t>○専ら医薬品として使用される成分本質（原材料）リスト</t>
  </si>
  <si>
    <t>１．植物由来物等</t>
  </si>
  <si>
    <t>アオダモ</t>
  </si>
  <si>
    <t>樹皮</t>
  </si>
  <si>
    <t>アラビアチャノキ</t>
  </si>
  <si>
    <t>葉</t>
  </si>
  <si>
    <t>全木</t>
  </si>
  <si>
    <t>アルニカ</t>
  </si>
  <si>
    <t>全草</t>
  </si>
  <si>
    <t>キュラソー・アロエ/ケープ・アロエ</t>
  </si>
  <si>
    <t>葉の液汁</t>
  </si>
  <si>
    <t>イチイ</t>
  </si>
  <si>
    <t>アララギ</t>
  </si>
  <si>
    <t>枝・心材・葉</t>
  </si>
  <si>
    <t>イヌサフラン</t>
  </si>
  <si>
    <t>種子</t>
  </si>
  <si>
    <t>イリス</t>
  </si>
  <si>
    <t>根茎</t>
  </si>
  <si>
    <t>イレイセン</t>
  </si>
  <si>
    <t>シナボタンヅル</t>
  </si>
  <si>
    <t>根･根茎</t>
  </si>
  <si>
    <t>インチンコウ</t>
  </si>
  <si>
    <t>カワラヨモギ</t>
  </si>
  <si>
    <t>花穂･帯花全草</t>
  </si>
  <si>
    <t>インドサルサ</t>
  </si>
  <si>
    <t>根</t>
  </si>
  <si>
    <t>インドジャボク/ラウオルフィア</t>
  </si>
  <si>
    <t>根・根茎</t>
  </si>
  <si>
    <t>インドボダイジュ</t>
  </si>
  <si>
    <t>インヨウカク</t>
  </si>
  <si>
    <t>イカリソウ</t>
  </si>
  <si>
    <t>ウマノスズクサ属</t>
  </si>
  <si>
    <t>ウヤク</t>
  </si>
  <si>
    <t>テンダイウヤク</t>
  </si>
  <si>
    <t>ウワウルシ</t>
  </si>
  <si>
    <t>クマコケモモ</t>
  </si>
  <si>
    <t>エイジツ</t>
  </si>
  <si>
    <t>ノイバラ</t>
  </si>
  <si>
    <t>果実・偽果</t>
  </si>
  <si>
    <t>エニシダ</t>
  </si>
  <si>
    <t>枝・葉</t>
  </si>
  <si>
    <t>エンゴサク</t>
  </si>
  <si>
    <t>エゾエンゴサク</t>
  </si>
  <si>
    <t>塊茎</t>
  </si>
  <si>
    <t>エンジュ</t>
  </si>
  <si>
    <t>カイカ/カイカク</t>
  </si>
  <si>
    <t>花・花蕾・果実</t>
  </si>
  <si>
    <t>オウカシ</t>
  </si>
  <si>
    <t>根・葉</t>
  </si>
  <si>
    <t>オウカボ</t>
  </si>
  <si>
    <t>キンゴジカ</t>
  </si>
  <si>
    <t>キバナオウギ/ナイモウオウギ</t>
  </si>
  <si>
    <t>オウゴン</t>
  </si>
  <si>
    <t>コガネバナ/コガネヤナギ</t>
  </si>
  <si>
    <t>オウバク</t>
  </si>
  <si>
    <t>キハダ</t>
  </si>
  <si>
    <t>オウヒ</t>
  </si>
  <si>
    <t>ヤマザクラ</t>
  </si>
  <si>
    <t>オウレン</t>
  </si>
  <si>
    <t>キクバオウレン</t>
  </si>
  <si>
    <t>根茎・ひげ根</t>
  </si>
  <si>
    <t>オシダ</t>
  </si>
  <si>
    <t>根茎・葉基</t>
  </si>
  <si>
    <t>オノニス</t>
  </si>
  <si>
    <t>オモト</t>
  </si>
  <si>
    <t>オンジ</t>
  </si>
  <si>
    <t>イトヒメハギ</t>
  </si>
  <si>
    <t>カイトウヒ</t>
  </si>
  <si>
    <t>カガミグサ</t>
  </si>
  <si>
    <t>カゴソウ</t>
  </si>
  <si>
    <t>ウツボグサ</t>
  </si>
  <si>
    <t>カシ</t>
  </si>
  <si>
    <t>ミロバラン</t>
  </si>
  <si>
    <t>果実</t>
  </si>
  <si>
    <t>カシュウ</t>
  </si>
  <si>
    <t>ツルドクダミ</t>
  </si>
  <si>
    <t>塊根</t>
  </si>
  <si>
    <t>カスカラサグラダ</t>
  </si>
  <si>
    <t>カッコウ</t>
  </si>
  <si>
    <t>地上部</t>
  </si>
  <si>
    <t>カッコン</t>
  </si>
  <si>
    <t>クズ</t>
  </si>
  <si>
    <t>カラバル豆</t>
  </si>
  <si>
    <t>豆</t>
  </si>
  <si>
    <t>カロコン</t>
  </si>
  <si>
    <t>オオカラスウリ/キカラスウリ/シナカラスウリ</t>
  </si>
  <si>
    <t>カロライナジャスミン</t>
  </si>
  <si>
    <t>カワラタケ</t>
  </si>
  <si>
    <t>菌糸体</t>
  </si>
  <si>
    <t>カンショウコウ</t>
  </si>
  <si>
    <t>カントウカ</t>
  </si>
  <si>
    <t>フキタンポポ</t>
  </si>
  <si>
    <t>花蕾</t>
  </si>
  <si>
    <t>シマハスノハカズラ</t>
  </si>
  <si>
    <t>茎･茎根</t>
  </si>
  <si>
    <t>カンラン</t>
  </si>
  <si>
    <t>キササゲ</t>
  </si>
  <si>
    <t>シジツ/トウキササゲ</t>
  </si>
  <si>
    <t>タチバナ</t>
  </si>
  <si>
    <t>果皮</t>
  </si>
  <si>
    <t>キナ</t>
  </si>
  <si>
    <t>アカキナノキ</t>
  </si>
  <si>
    <t>根皮・樹皮</t>
  </si>
  <si>
    <t>キョウカツ</t>
  </si>
  <si>
    <t>種子・木部</t>
  </si>
  <si>
    <t>クジン</t>
  </si>
  <si>
    <t>クララ</t>
  </si>
  <si>
    <t>クスノハガシワ</t>
  </si>
  <si>
    <t>グリフォニア・シンプリシフォリア</t>
  </si>
  <si>
    <t>ケイガイ</t>
  </si>
  <si>
    <t>全草（発芽防止処理された種子・種子油は除く）</t>
  </si>
  <si>
    <t>ケンゴシ</t>
  </si>
  <si>
    <t>アサガオ</t>
  </si>
  <si>
    <t>ゲンジン</t>
  </si>
  <si>
    <t>ゴマノハグサ</t>
  </si>
  <si>
    <t>ゲンチアナ</t>
  </si>
  <si>
    <t>ゲンノショウコ</t>
  </si>
  <si>
    <t>コウブシ</t>
  </si>
  <si>
    <t>サソウ/ハマスゲ</t>
  </si>
  <si>
    <t>コウフン</t>
  </si>
  <si>
    <t>コマントウ</t>
  </si>
  <si>
    <t>コウボク</t>
  </si>
  <si>
    <t>ホウノキ</t>
  </si>
  <si>
    <t>コウホン</t>
  </si>
  <si>
    <t>コオウレン</t>
  </si>
  <si>
    <t>茎・根茎</t>
  </si>
  <si>
    <t>ゴールデンシール</t>
  </si>
  <si>
    <t>カナダヒドラスチス</t>
  </si>
  <si>
    <t>コケモモヨウ</t>
  </si>
  <si>
    <t>コケモモ</t>
  </si>
  <si>
    <t>ゴシツ</t>
  </si>
  <si>
    <t>イノコヅチ/ヒナタイノコヅチ</t>
  </si>
  <si>
    <t>ゴシュユ</t>
  </si>
  <si>
    <t>ホンゴシュユ</t>
  </si>
  <si>
    <t>コジョウコン</t>
  </si>
  <si>
    <t>イタドリ</t>
  </si>
  <si>
    <t>樹脂</t>
  </si>
  <si>
    <t>嚢状虫瘻</t>
  </si>
  <si>
    <t>ゴボウシ</t>
  </si>
  <si>
    <t>ゴボウ</t>
  </si>
  <si>
    <t>ゴミシ</t>
  </si>
  <si>
    <t>チョウセンゴミシ</t>
  </si>
  <si>
    <t>コロシントウリ</t>
  </si>
  <si>
    <t>コロンボ</t>
  </si>
  <si>
    <t>部　　位　　等</t>
    <phoneticPr fontId="1"/>
  </si>
  <si>
    <t>部　　位　　等</t>
    <phoneticPr fontId="1"/>
  </si>
  <si>
    <t>コンズランゴ</t>
  </si>
  <si>
    <t>サイコ</t>
  </si>
  <si>
    <t>ミシマサイコ</t>
  </si>
  <si>
    <t>ウスバサイシン/ケイリンサイシン</t>
  </si>
  <si>
    <t>サビナ</t>
  </si>
  <si>
    <t>枝葉・球果</t>
  </si>
  <si>
    <t>サルカケミカン</t>
  </si>
  <si>
    <t>茎</t>
  </si>
  <si>
    <t>サワギキョウ</t>
  </si>
  <si>
    <t>塊茎・根茎</t>
  </si>
  <si>
    <t>サンズコン</t>
  </si>
  <si>
    <t>茎・根</t>
  </si>
  <si>
    <t>シオン</t>
  </si>
  <si>
    <t>シキミ</t>
  </si>
  <si>
    <t>ハナノキ</t>
  </si>
  <si>
    <t>実</t>
  </si>
  <si>
    <t>ジコッピ</t>
  </si>
  <si>
    <t>クコ</t>
  </si>
  <si>
    <t>根皮</t>
  </si>
  <si>
    <t>シコン</t>
  </si>
  <si>
    <t>ムラサキ</t>
  </si>
  <si>
    <t>シツリシ</t>
  </si>
  <si>
    <t>ハマビシ</t>
  </si>
  <si>
    <t>シャクヤク</t>
  </si>
  <si>
    <t>シャジン＜砂仁＞/シュクシャミツ</t>
  </si>
  <si>
    <t>種子の塊・成熟果実</t>
  </si>
  <si>
    <t>ショウブコン</t>
  </si>
  <si>
    <t>カラムスコン/ショウブ</t>
  </si>
  <si>
    <t>ショウボクヒ</t>
  </si>
  <si>
    <t>ショウマ</t>
  </si>
  <si>
    <t>サラシナショウマ</t>
  </si>
  <si>
    <t>ヤマゴボウ/ Phytolacca esculenta</t>
  </si>
  <si>
    <t>シンイ</t>
  </si>
  <si>
    <t>コブシ/タムシバ</t>
  </si>
  <si>
    <t>ジンコウ</t>
  </si>
  <si>
    <t>材・樹脂</t>
  </si>
  <si>
    <t>スイサイ</t>
  </si>
  <si>
    <t>ミツガシワ</t>
  </si>
  <si>
    <t>スカルキャップ</t>
  </si>
  <si>
    <t>スズラン</t>
  </si>
  <si>
    <t>セイコウ</t>
  </si>
  <si>
    <t>帯果・帯花枝葉</t>
  </si>
  <si>
    <t>セイヨウヤドリギ</t>
  </si>
  <si>
    <t>ソウキセイ/ヤドリギ</t>
  </si>
  <si>
    <t>枝葉梢・茎・葉</t>
  </si>
  <si>
    <t>セキサン</t>
  </si>
  <si>
    <t>ヒガンバナ/マンジュシャゲ</t>
  </si>
  <si>
    <t>鱗茎</t>
  </si>
  <si>
    <t>セキショウコン</t>
  </si>
  <si>
    <t>セキショウ</t>
  </si>
  <si>
    <t>セキナンヨウ</t>
  </si>
  <si>
    <t>オオカナメモチ/シャクナゲ</t>
  </si>
  <si>
    <t>セネガ</t>
  </si>
  <si>
    <t>ヒロハセネガ</t>
  </si>
  <si>
    <t>センキュウ</t>
  </si>
  <si>
    <t>ゼンコ</t>
  </si>
  <si>
    <t>センコツ</t>
  </si>
  <si>
    <t>コウホネ</t>
  </si>
  <si>
    <t>センタウリウムソウ</t>
  </si>
  <si>
    <t>センダン</t>
  </si>
  <si>
    <t>果実・樹皮</t>
  </si>
  <si>
    <t>センナ</t>
  </si>
  <si>
    <t>アレキサンドリア・センナ/チンネベリ・センナ</t>
  </si>
  <si>
    <t>果実・小葉・葉柄・葉軸</t>
  </si>
  <si>
    <t>センプクカ</t>
  </si>
  <si>
    <t>オグルマ</t>
  </si>
  <si>
    <t>花</t>
  </si>
  <si>
    <t>センブリ</t>
  </si>
  <si>
    <t>トウヤク</t>
  </si>
  <si>
    <t>ソウカ</t>
  </si>
  <si>
    <t>ソウシシ</t>
  </si>
  <si>
    <t>トウアズキ</t>
  </si>
  <si>
    <t>ソウジシ</t>
  </si>
  <si>
    <t>オナモミ</t>
  </si>
  <si>
    <t>ソウジュツ</t>
  </si>
  <si>
    <t>ホソバオケラ</t>
  </si>
  <si>
    <t>ソウジュヨウ</t>
  </si>
  <si>
    <t>ソウハクヒ</t>
  </si>
  <si>
    <t>クワ/マグワ</t>
  </si>
  <si>
    <t>シナタラノキ</t>
  </si>
  <si>
    <t>根･根皮・材</t>
  </si>
  <si>
    <t>ソテツ</t>
  </si>
  <si>
    <t>ソボク</t>
  </si>
  <si>
    <t>スオウ</t>
  </si>
  <si>
    <t>心材</t>
  </si>
  <si>
    <t>ダイオウ</t>
  </si>
  <si>
    <t>ヤクヨウダイオウ</t>
  </si>
  <si>
    <t>ダイフクヒ</t>
  </si>
  <si>
    <t>タクシャ</t>
  </si>
  <si>
    <t>サジオモダカ</t>
  </si>
  <si>
    <t>ダミアナ</t>
  </si>
  <si>
    <t>タユヤ</t>
  </si>
  <si>
    <t>タラノキ</t>
  </si>
  <si>
    <t>タンジン</t>
  </si>
  <si>
    <t>チクジョ</t>
  </si>
  <si>
    <t>稈の内層</t>
  </si>
  <si>
    <t>チクセツニンジン</t>
  </si>
  <si>
    <t>トチバニンジン</t>
  </si>
  <si>
    <t>チモ</t>
  </si>
  <si>
    <t>ハナスゲ</t>
  </si>
  <si>
    <t>チョウセンアサガオ</t>
  </si>
  <si>
    <t>種子・葉・花</t>
  </si>
  <si>
    <t>チョウトウコウ</t>
  </si>
  <si>
    <t>カギカズラ/トウカギカズラ</t>
  </si>
  <si>
    <t>とげ</t>
  </si>
  <si>
    <t>チョレイ</t>
  </si>
  <si>
    <t>チョレイマイタケ</t>
  </si>
  <si>
    <t>菌核</t>
  </si>
  <si>
    <t>テンナンショウ</t>
  </si>
  <si>
    <t>テンマ</t>
  </si>
  <si>
    <t>オニノヤガラ</t>
  </si>
  <si>
    <t>テンモンドウ</t>
  </si>
  <si>
    <t>クサスギカズラ</t>
  </si>
  <si>
    <t>トウガシ</t>
  </si>
  <si>
    <t>トウガ</t>
  </si>
  <si>
    <t>トウキ</t>
  </si>
  <si>
    <t>オニノダケ/カラトウキ</t>
  </si>
  <si>
    <t>トウジン</t>
  </si>
  <si>
    <t>ヒカゲノツルニンジン</t>
  </si>
  <si>
    <t>トウシンソウ</t>
  </si>
  <si>
    <t>トウニン</t>
  </si>
  <si>
    <t>トウリョウソウ</t>
  </si>
  <si>
    <t>ドクカツ</t>
  </si>
  <si>
    <t>トシシ</t>
  </si>
  <si>
    <t>トチュウ</t>
  </si>
  <si>
    <t>ドモッコウ</t>
  </si>
  <si>
    <t>オオグルマ</t>
  </si>
  <si>
    <t>ナンテンジツ</t>
  </si>
  <si>
    <t>シロミナンテン/ナンテン</t>
  </si>
  <si>
    <t>ニガキ</t>
  </si>
  <si>
    <t>木部（樹皮除く）</t>
  </si>
  <si>
    <t>肉質茎</t>
  </si>
  <si>
    <t>ニチニチソウ</t>
  </si>
  <si>
    <t>バイケイソウ属</t>
  </si>
  <si>
    <t>コバイケイソウ/シュロソウ/バイケイソウ</t>
  </si>
  <si>
    <t>バイモ</t>
  </si>
  <si>
    <t>アミガサユリ</t>
  </si>
  <si>
    <t>ハクシジン</t>
  </si>
  <si>
    <t>ハクセンピ</t>
  </si>
  <si>
    <t>ハクトウオウ</t>
  </si>
  <si>
    <t>茎・葉</t>
  </si>
  <si>
    <t>ハクトウスギ</t>
  </si>
  <si>
    <t>ウンナンコウトウスギ</t>
  </si>
  <si>
    <t>樹皮・葉</t>
  </si>
  <si>
    <t>バクモンドウ</t>
  </si>
  <si>
    <t>コヤブラン/ジャノヒゲ/ヤブラン/リュウノヒゲ</t>
  </si>
  <si>
    <t>根の膨大部</t>
  </si>
  <si>
    <t>ハゲキテン</t>
  </si>
  <si>
    <t>ハシリドコロ属</t>
  </si>
  <si>
    <t>ハシリドコロ/ロート根</t>
  </si>
  <si>
    <t>ハズ</t>
  </si>
  <si>
    <t>樹皮・根</t>
  </si>
  <si>
    <t>ハルマラ</t>
  </si>
  <si>
    <t>ハンゲ</t>
  </si>
  <si>
    <t>カラスビシャク</t>
  </si>
  <si>
    <t>ヒマシ油</t>
  </si>
  <si>
    <t>トウゴマ/ヒマ</t>
  </si>
  <si>
    <t>種子油</t>
  </si>
  <si>
    <t>ビャクシ</t>
  </si>
  <si>
    <t>ヨロイグサ</t>
  </si>
  <si>
    <t>ビャクジュツ</t>
  </si>
  <si>
    <t>オオバナオケラ/オケラ</t>
  </si>
  <si>
    <t>ビャクダン</t>
  </si>
  <si>
    <t>心材･油</t>
  </si>
  <si>
    <t>ビャクブ</t>
  </si>
  <si>
    <t>肥大根</t>
  </si>
  <si>
    <t>ヒヨス属</t>
  </si>
  <si>
    <t>ヒヨス</t>
  </si>
  <si>
    <t>種子・葉</t>
  </si>
  <si>
    <t>ブクシンボク</t>
  </si>
  <si>
    <t>菌核に含まれる根</t>
  </si>
  <si>
    <t>フクボンシ</t>
  </si>
  <si>
    <t>ゴショイチゴ</t>
  </si>
  <si>
    <t>未成熟集果</t>
  </si>
  <si>
    <t>ブクリョウ</t>
  </si>
  <si>
    <t>マツホド</t>
  </si>
  <si>
    <t>フジコブ</t>
  </si>
  <si>
    <t>フタバアオイ</t>
  </si>
  <si>
    <t>フラングラ皮</t>
  </si>
  <si>
    <t>セイヨウイソノキ</t>
  </si>
  <si>
    <t>ベラドンナ属</t>
  </si>
  <si>
    <t>ベラドンナ</t>
  </si>
  <si>
    <t>ボウイ</t>
  </si>
  <si>
    <t>オオツヅラフジ</t>
  </si>
  <si>
    <t>根茎･つる性の茎</t>
  </si>
  <si>
    <t>ボウコン</t>
  </si>
  <si>
    <t>チガヤ/ビャクボウコン</t>
  </si>
  <si>
    <t>ホウセンカ</t>
  </si>
  <si>
    <t>ホウビソウ</t>
  </si>
  <si>
    <t>イノモトソウ</t>
  </si>
  <si>
    <t>ボウフウ</t>
  </si>
  <si>
    <t>ガマ/ヒメガマ</t>
  </si>
  <si>
    <t>花粉</t>
  </si>
  <si>
    <t>ボタンピ</t>
  </si>
  <si>
    <t>ボタン</t>
  </si>
  <si>
    <t>マオウ</t>
  </si>
  <si>
    <t>地上茎</t>
  </si>
  <si>
    <t>マクリ</t>
  </si>
  <si>
    <t>全藻</t>
  </si>
  <si>
    <t>マシニン</t>
  </si>
  <si>
    <t>アサ</t>
  </si>
  <si>
    <t>発芽防止処理されていない種子</t>
  </si>
  <si>
    <t>ホミカ/マチンシ</t>
  </si>
  <si>
    <t>マルバタバコ</t>
  </si>
  <si>
    <t>アステカタバコ</t>
  </si>
  <si>
    <t>マンケイシ</t>
  </si>
  <si>
    <t>ハマゴウ</t>
  </si>
  <si>
    <t>マンドラゴラ属</t>
  </si>
  <si>
    <t>マンドラゴラ</t>
  </si>
  <si>
    <t>ミゾカクシ</t>
  </si>
  <si>
    <t>ミツモウカ</t>
  </si>
  <si>
    <t>ムイラプアマ</t>
  </si>
  <si>
    <t>ひげ根</t>
  </si>
  <si>
    <t>モクゾク</t>
  </si>
  <si>
    <t>トクサ</t>
  </si>
  <si>
    <t>モクツウ</t>
  </si>
  <si>
    <t>アケビ/ツウソウ</t>
  </si>
  <si>
    <t>つる性の茎</t>
  </si>
  <si>
    <t>モクベッシ</t>
  </si>
  <si>
    <t>モッコウ</t>
  </si>
  <si>
    <t>ヤクチ</t>
  </si>
  <si>
    <t>ヤクモソウ</t>
  </si>
  <si>
    <t>メハジキ</t>
  </si>
  <si>
    <t>ヤブタバコ</t>
  </si>
  <si>
    <t>ヤボランジ</t>
  </si>
  <si>
    <t>ヤラッパ</t>
  </si>
  <si>
    <t>脂・根</t>
  </si>
  <si>
    <t>ユキノハナ属</t>
  </si>
  <si>
    <t>オオユキノハナ/ユキノハナ</t>
  </si>
  <si>
    <t>ヨヒンベ</t>
  </si>
  <si>
    <t>ラタニア</t>
  </si>
  <si>
    <t>ランソウ</t>
  </si>
  <si>
    <t>フジバカマ</t>
  </si>
  <si>
    <t>リュウタン</t>
  </si>
  <si>
    <t>トウリンドウ/リンドウ</t>
  </si>
  <si>
    <t>リュウノウ</t>
  </si>
  <si>
    <t>リョウキョウ</t>
  </si>
  <si>
    <t>レンギョウ</t>
  </si>
  <si>
    <t>ロウハクカ</t>
  </si>
  <si>
    <t>樹皮・花</t>
  </si>
  <si>
    <t>イチヤクソウ</t>
  </si>
  <si>
    <t>ロコン</t>
  </si>
  <si>
    <t>ヨシ</t>
  </si>
  <si>
    <t>ロベリアソウ</t>
  </si>
  <si>
    <t>種子</t>
    <rPh sb="0" eb="2">
      <t>シュシ</t>
    </rPh>
    <phoneticPr fontId="1"/>
  </si>
  <si>
    <t>根</t>
    <rPh sb="0" eb="1">
      <t>ネ</t>
    </rPh>
    <phoneticPr fontId="1"/>
  </si>
  <si>
    <t>ウンカロアポ</t>
    <phoneticPr fontId="1"/>
  </si>
  <si>
    <t>全草</t>
    <rPh sb="0" eb="2">
      <t>ゼンソウ</t>
    </rPh>
    <phoneticPr fontId="1"/>
  </si>
  <si>
    <t>塊茎</t>
    <rPh sb="0" eb="1">
      <t>カタマリ</t>
    </rPh>
    <rPh sb="1" eb="2">
      <t>クキ</t>
    </rPh>
    <phoneticPr fontId="1"/>
  </si>
  <si>
    <t>カイソウ＜海葱＞属</t>
    <phoneticPr fontId="1"/>
  </si>
  <si>
    <t>オウギ</t>
    <phoneticPr fontId="1"/>
  </si>
  <si>
    <t>インドジャボク属</t>
    <phoneticPr fontId="1"/>
  </si>
  <si>
    <t>アロエ</t>
    <phoneticPr fontId="1"/>
  </si>
  <si>
    <t>ココツ</t>
    <phoneticPr fontId="1"/>
  </si>
  <si>
    <t>ケツエキ</t>
    <phoneticPr fontId="1"/>
  </si>
  <si>
    <t>注２）　リストに掲載されている成分本質（原材料）のうち、該当する部位について、「部位等」の欄に記載している。</t>
    <phoneticPr fontId="1"/>
  </si>
  <si>
    <t>　　　記載している。</t>
    <phoneticPr fontId="1"/>
  </si>
  <si>
    <t>Ｉｎｃａｒｖｉｌｌeａ　ｓｉｎｅｎｓｉｓ</t>
    <phoneticPr fontId="1"/>
  </si>
  <si>
    <t>注３）　他の部位が別のリストに掲載されている場合等、その取扱いが紛らわしいものについては、備考欄にその旨</t>
    <phoneticPr fontId="1"/>
  </si>
  <si>
    <t>センダン（Melia azedarach）の果実・樹皮は「医」、センダン(Melia azedarach)の葉は｢非医｣</t>
    <rPh sb="22" eb="24">
      <t>カジツ</t>
    </rPh>
    <rPh sb="25" eb="27">
      <t>ジュヒ</t>
    </rPh>
    <rPh sb="29" eb="30">
      <t>イ</t>
    </rPh>
    <rPh sb="54" eb="55">
      <t>ハ</t>
    </rPh>
    <rPh sb="57" eb="58">
      <t>ヒ</t>
    </rPh>
    <rPh sb="58" eb="59">
      <t>イ</t>
    </rPh>
    <phoneticPr fontId="1"/>
  </si>
  <si>
    <t>赤鉄鉱/タイシャセキ</t>
    <rPh sb="0" eb="1">
      <t>セキ</t>
    </rPh>
    <rPh sb="1" eb="3">
      <t>テッコウ</t>
    </rPh>
    <phoneticPr fontId="1"/>
  </si>
  <si>
    <t>注１）　「名称」及び「他名等」の欄については、生薬名、一般名及び起源動物名、該当する部位等を記載している。</t>
    <rPh sb="30" eb="31">
      <t>オヨ</t>
    </rPh>
    <rPh sb="38" eb="40">
      <t>ガイトウ</t>
    </rPh>
    <rPh sb="42" eb="44">
      <t>ブイ</t>
    </rPh>
    <phoneticPr fontId="1"/>
  </si>
  <si>
    <t>　　　掲載されていることを示す。</t>
    <phoneticPr fontId="1"/>
  </si>
  <si>
    <t>注４）　備考欄の「非医」は「医薬品的効能効果を標ぼうしない限り医薬品と判断しない成分本質（原材料）リスト」に</t>
    <rPh sb="35" eb="36">
      <t>ハン</t>
    </rPh>
    <rPh sb="36" eb="37">
      <t>ダン</t>
    </rPh>
    <phoneticPr fontId="1"/>
  </si>
  <si>
    <t>　  　掲載されていることを示す。</t>
    <phoneticPr fontId="1"/>
  </si>
  <si>
    <t>注２）　備考欄の「非医」は「医薬品的効能効果を標ぼうしない限り医薬品と判断しない成分本質（原材料）リスト」に</t>
    <rPh sb="35" eb="37">
      <t>ハンダン</t>
    </rPh>
    <phoneticPr fontId="1"/>
  </si>
  <si>
    <t>注２）　他の部位が別のリストに掲載されている場合等、その取扱いが紛らわしいものについては、備考欄のその旨</t>
    <rPh sb="51" eb="52">
      <t>ムネ</t>
    </rPh>
    <phoneticPr fontId="1"/>
  </si>
  <si>
    <t>注３）　他の部位が別のリストに掲載されている場合等、その取扱いが紛らわしいものについては、備考欄にその旨</t>
    <rPh sb="51" eb="52">
      <t>ムネ</t>
    </rPh>
    <phoneticPr fontId="1"/>
  </si>
  <si>
    <t>備　    　考</t>
  </si>
  <si>
    <t>アイギョクシ</t>
  </si>
  <si>
    <t>寒天様物質</t>
  </si>
  <si>
    <t>アイスランド苔</t>
  </si>
  <si>
    <t>植物体</t>
  </si>
  <si>
    <t>アイブライト</t>
  </si>
  <si>
    <t>アオギリ</t>
  </si>
  <si>
    <t>アガーベ</t>
  </si>
  <si>
    <t>テキラリュウゼツ</t>
  </si>
  <si>
    <t>球茎</t>
  </si>
  <si>
    <t>アカザ</t>
  </si>
  <si>
    <t>ショウマの根茎は「医」</t>
  </si>
  <si>
    <t>コウシャジクソウ/ムラサキツメクサ/レッド・クローバー</t>
  </si>
  <si>
    <t>葉・花穂（序）</t>
  </si>
  <si>
    <t>アカテツ</t>
  </si>
  <si>
    <t>果肉・葉</t>
  </si>
  <si>
    <t>アカニレ</t>
  </si>
  <si>
    <t>スリッパリーエルム</t>
  </si>
  <si>
    <t>子実体</t>
    <rPh sb="0" eb="1">
      <t>コ</t>
    </rPh>
    <rPh sb="1" eb="2">
      <t>ミ</t>
    </rPh>
    <rPh sb="2" eb="3">
      <t>カラダ</t>
    </rPh>
    <phoneticPr fontId="1"/>
  </si>
  <si>
    <t>チノスポラ･コルディフォリア</t>
    <phoneticPr fontId="1"/>
  </si>
  <si>
    <t>Tinospora cordifolia</t>
    <phoneticPr fontId="1"/>
  </si>
  <si>
    <t>小枝、若枝</t>
    <rPh sb="0" eb="2">
      <t>コエダ</t>
    </rPh>
    <rPh sb="3" eb="5">
      <t>ワカエダ</t>
    </rPh>
    <phoneticPr fontId="1"/>
  </si>
  <si>
    <t>阿魏茸</t>
    <rPh sb="0" eb="1">
      <t>オモネ</t>
    </rPh>
    <rPh sb="1" eb="2">
      <t>ギ</t>
    </rPh>
    <rPh sb="2" eb="3">
      <t>キノコ</t>
    </rPh>
    <phoneticPr fontId="1"/>
  </si>
  <si>
    <t>子実体</t>
    <rPh sb="0" eb="1">
      <t>コ</t>
    </rPh>
    <rPh sb="1" eb="3">
      <t>ジッタイ</t>
    </rPh>
    <phoneticPr fontId="1"/>
  </si>
  <si>
    <t>アキノキリンソウ</t>
  </si>
  <si>
    <t>アケビ</t>
  </si>
  <si>
    <t>つる性の茎は「医」</t>
  </si>
  <si>
    <t>発芽防止処理されている種子</t>
  </si>
  <si>
    <t>葉･花</t>
  </si>
  <si>
    <t>種子は「医」</t>
  </si>
  <si>
    <t>アサツキ</t>
  </si>
  <si>
    <t>茎葉･鱗茎</t>
  </si>
  <si>
    <t>アシ</t>
  </si>
  <si>
    <t>全草（根茎を除く）</t>
  </si>
  <si>
    <t>根茎は「医」</t>
  </si>
  <si>
    <t>アジサイ</t>
  </si>
  <si>
    <t>シヨウカ/ハチセンカ</t>
  </si>
  <si>
    <t>アシタバ</t>
  </si>
  <si>
    <t>アズキ</t>
  </si>
  <si>
    <t>セキショウズ</t>
  </si>
  <si>
    <t>アスナロ</t>
  </si>
  <si>
    <t>アセロラ</t>
  </si>
  <si>
    <t>バルバドスサクラ</t>
  </si>
  <si>
    <t>ガンビール</t>
  </si>
  <si>
    <t>葉及び若枝の乾燥水製エキス</t>
  </si>
  <si>
    <t>アッケシソウ</t>
  </si>
  <si>
    <t>葉</t>
    <rPh sb="0" eb="1">
      <t>ハ</t>
    </rPh>
    <phoneticPr fontId="1"/>
  </si>
  <si>
    <t>ピンピネラ</t>
  </si>
  <si>
    <t>果実･種子・種子油・根</t>
  </si>
  <si>
    <t>アファニゾメノン</t>
  </si>
  <si>
    <t>アボガド</t>
  </si>
  <si>
    <t>果実・葉</t>
  </si>
  <si>
    <t>アマシ/アマニン/アマニ油</t>
  </si>
  <si>
    <t>種子・種子油</t>
  </si>
  <si>
    <t>アマチャ</t>
  </si>
  <si>
    <t>枝先・葉</t>
  </si>
  <si>
    <t>アマチャヅル</t>
  </si>
  <si>
    <t>コウコラン</t>
  </si>
  <si>
    <t>アマナ</t>
  </si>
  <si>
    <t>サンジコ</t>
  </si>
  <si>
    <t>アメリカサンショウ</t>
  </si>
  <si>
    <t>注４）　備考欄の「医」は「専ら医薬品として使用される成分本質（原材料）リスト」に掲載されていることを示す。</t>
    <phoneticPr fontId="1"/>
  </si>
  <si>
    <t>アメリカホドイモ</t>
  </si>
  <si>
    <t>アラガオ</t>
  </si>
  <si>
    <t>アラビアゴムノキ</t>
  </si>
  <si>
    <t>乾燥ゴム質（枝・葉）</t>
  </si>
  <si>
    <t>アラメ</t>
  </si>
  <si>
    <t>アリタソウ</t>
  </si>
  <si>
    <t>ドケイガイ</t>
  </si>
  <si>
    <t>茎･葉</t>
  </si>
  <si>
    <t>ビロードアオイ/マーシュマロウ</t>
  </si>
  <si>
    <t>ウマゴヤシ/ムラサキウマゴヤシ</t>
  </si>
  <si>
    <t>キュラソーアロエ/ケープアロエ</t>
  </si>
  <si>
    <t>根・葉肉</t>
  </si>
  <si>
    <t>葉の液汁は「医」</t>
  </si>
  <si>
    <t>アンゼリカ</t>
  </si>
  <si>
    <t>ガーデンアンゼリカ</t>
  </si>
  <si>
    <t>アンソクコウノキ</t>
  </si>
  <si>
    <t>根・葉・花</t>
  </si>
  <si>
    <t>コニワザクラ/チョウコウイクリ/ニワウメ</t>
  </si>
  <si>
    <t>種子・根</t>
  </si>
  <si>
    <t>イズイ</t>
  </si>
  <si>
    <t>アマドコロ/ギョクチク</t>
  </si>
  <si>
    <t>イソマツ</t>
  </si>
  <si>
    <t>ウコンイソマツ</t>
  </si>
  <si>
    <t>若芽</t>
  </si>
  <si>
    <t>枝・心材・葉は「医」</t>
  </si>
  <si>
    <t>イチジク</t>
  </si>
  <si>
    <t>花托・根・葉</t>
  </si>
  <si>
    <t>イチビ</t>
  </si>
  <si>
    <t>イチョウ</t>
  </si>
  <si>
    <t>ギンナン/ハクカ</t>
  </si>
  <si>
    <t>イナゴマメ</t>
  </si>
  <si>
    <t>アルガロバ/キャロブ</t>
  </si>
  <si>
    <t>イヌサンショウ</t>
  </si>
  <si>
    <t>果実・根</t>
  </si>
  <si>
    <t>イヌナズナ</t>
  </si>
  <si>
    <t>イヌノフグリ</t>
  </si>
  <si>
    <t>イヌハッカ</t>
  </si>
  <si>
    <t>チクマハッカ</t>
  </si>
  <si>
    <t>葉･花穂</t>
  </si>
  <si>
    <t>イヌホオズキ</t>
  </si>
  <si>
    <t>リュウキ</t>
  </si>
  <si>
    <t>イネ</t>
  </si>
  <si>
    <t>苅株の二番芽</t>
  </si>
  <si>
    <t>イブキジャコウソウ</t>
  </si>
  <si>
    <t>イボツヅラフジ</t>
  </si>
  <si>
    <t>イラクサ属</t>
  </si>
  <si>
    <t>ウルチカソウ/ネットル</t>
  </si>
  <si>
    <t>茎･種子・根・葉</t>
  </si>
  <si>
    <t>根･根茎は「医」</t>
  </si>
  <si>
    <t>イワタバコ</t>
  </si>
  <si>
    <t>イワニガナ</t>
  </si>
  <si>
    <t>ジシバリ</t>
  </si>
  <si>
    <t>イワベンケイ</t>
  </si>
  <si>
    <t>コウケイテン</t>
  </si>
  <si>
    <t>インゲンマメ</t>
  </si>
  <si>
    <t>フジマメ</t>
  </si>
  <si>
    <t>インスリーナ</t>
  </si>
  <si>
    <t>アニール・トレバドール</t>
  </si>
  <si>
    <t>インドアマチャ</t>
  </si>
  <si>
    <t>ベールフルーツ/ベンガルカラタチ</t>
  </si>
  <si>
    <t>果実･樹皮</t>
  </si>
  <si>
    <t>インドナガコショウ</t>
  </si>
  <si>
    <t>ヒハツ</t>
  </si>
  <si>
    <t>果穂</t>
  </si>
  <si>
    <t>インドヤコウボク</t>
  </si>
  <si>
    <t>インペティギノサ</t>
  </si>
  <si>
    <t>インペラトリア</t>
  </si>
  <si>
    <t>ウイキョウ</t>
  </si>
  <si>
    <t>フェンネル</t>
  </si>
  <si>
    <t>果実・種子・根・葉</t>
  </si>
  <si>
    <t>ウキヤガラ</t>
  </si>
  <si>
    <t>ウコギ</t>
  </si>
  <si>
    <t>ウコン</t>
  </si>
  <si>
    <t>ウショウ</t>
  </si>
  <si>
    <t>クロモジ/チョウショウ</t>
  </si>
  <si>
    <t>幹皮･根皮</t>
  </si>
  <si>
    <t>ウスベニアオイ</t>
  </si>
  <si>
    <t>ゼニアオイ</t>
  </si>
  <si>
    <t>ウチワサボテン/フィクスインディカ</t>
  </si>
  <si>
    <t>ウチワヤシ</t>
  </si>
  <si>
    <t>パルミラヤシ</t>
  </si>
  <si>
    <t>ウド</t>
  </si>
  <si>
    <t>軟化茎</t>
  </si>
  <si>
    <t>ウベ</t>
  </si>
  <si>
    <t>ダイショ</t>
  </si>
  <si>
    <t>ウマノアシガタ</t>
  </si>
  <si>
    <t>キンポウゲ</t>
  </si>
  <si>
    <t>ウメ</t>
  </si>
  <si>
    <t>ウバイ</t>
  </si>
  <si>
    <t>果肉・未成熟の実</t>
  </si>
  <si>
    <t>ウメガサソウ</t>
  </si>
  <si>
    <t>オオウメガサソウ</t>
  </si>
  <si>
    <t>葉･実</t>
  </si>
  <si>
    <t>根は「医」</t>
  </si>
  <si>
    <t>ウラジロガシ</t>
  </si>
  <si>
    <t>ウワミズザクラ</t>
  </si>
  <si>
    <t>花穂</t>
  </si>
  <si>
    <t>タラゴン</t>
  </si>
  <si>
    <t>エゾチチコグサ</t>
  </si>
  <si>
    <t>エゾヘビイチゴ</t>
  </si>
  <si>
    <t>枝・葉は「医」</t>
  </si>
  <si>
    <t>エノキタケ</t>
  </si>
  <si>
    <t>子実体</t>
  </si>
  <si>
    <t>エビスグサ</t>
  </si>
  <si>
    <t>ケツメイシ/ケツメイヨウ</t>
  </si>
  <si>
    <t>エンシショウ</t>
  </si>
  <si>
    <t>カイヨウ</t>
  </si>
  <si>
    <t>葉・サヤ</t>
  </si>
  <si>
    <t>花・花蕾・果実は「医」</t>
  </si>
  <si>
    <t>エンバク</t>
  </si>
  <si>
    <t>オートムギ/マラカスムギ</t>
  </si>
  <si>
    <t>オウシュウハンノキ</t>
  </si>
  <si>
    <t>樹皮･葉</t>
  </si>
  <si>
    <t>オウセイ</t>
  </si>
  <si>
    <t>ナルコユリ</t>
  </si>
  <si>
    <t>葉・実</t>
  </si>
  <si>
    <t>樹皮は「医」</t>
  </si>
  <si>
    <t>オウヤクシ</t>
  </si>
  <si>
    <t>ニガカシュウ</t>
  </si>
  <si>
    <t>根茎・ひげ根は「医」</t>
  </si>
  <si>
    <t>オオイタビ</t>
  </si>
  <si>
    <t>ガムググル（Ｃommiphora mukul）の樹脂は「非医」</t>
    <rPh sb="24" eb="26">
      <t>ジュシ</t>
    </rPh>
    <rPh sb="28" eb="29">
      <t>ヒ</t>
    </rPh>
    <rPh sb="29" eb="30">
      <t>イ</t>
    </rPh>
    <phoneticPr fontId="1"/>
  </si>
  <si>
    <t>その他のコンミフォラ属の全木は「医」</t>
    <rPh sb="2" eb="3">
      <t>タ</t>
    </rPh>
    <rPh sb="10" eb="11">
      <t>ゾク</t>
    </rPh>
    <rPh sb="12" eb="13">
      <t>ゼン</t>
    </rPh>
    <rPh sb="13" eb="14">
      <t>キ</t>
    </rPh>
    <rPh sb="16" eb="17">
      <t>イ</t>
    </rPh>
    <phoneticPr fontId="1"/>
  </si>
  <si>
    <t>レイシカク/枝核</t>
    <rPh sb="6" eb="7">
      <t>エダ</t>
    </rPh>
    <rPh sb="7" eb="8">
      <t>カク</t>
    </rPh>
    <phoneticPr fontId="1"/>
  </si>
  <si>
    <t>枝・茎・葉</t>
  </si>
  <si>
    <t>オオバコ</t>
  </si>
  <si>
    <t>オオハンゴンソウ</t>
  </si>
  <si>
    <t>オオヒレアザミ</t>
  </si>
  <si>
    <t>オオムギ</t>
  </si>
  <si>
    <t>バクガ</t>
  </si>
  <si>
    <t>オカオグルマ</t>
  </si>
  <si>
    <t>オカヒジキ</t>
  </si>
  <si>
    <t>ミルナ</t>
  </si>
  <si>
    <t>茎葉</t>
  </si>
  <si>
    <t>オタネニンジン</t>
  </si>
  <si>
    <t>コウライニンジン/チョウセンニンジン</t>
  </si>
  <si>
    <t>果実・根・根茎・葉</t>
  </si>
  <si>
    <t>オトギリソウ</t>
  </si>
  <si>
    <t>ショウレンギョウ</t>
  </si>
  <si>
    <t>オトメアゼア</t>
  </si>
  <si>
    <t>バコパモニエラ</t>
  </si>
  <si>
    <t>オドリコソウ</t>
  </si>
  <si>
    <t>根茎以外は「非医」</t>
  </si>
  <si>
    <t>果実は「非医」</t>
  </si>
  <si>
    <t>葉は「非医」</t>
  </si>
  <si>
    <t>葉・実は「非医」</t>
  </si>
  <si>
    <t>花は「非医」</t>
  </si>
  <si>
    <t>葉・サヤは「非医」</t>
  </si>
  <si>
    <t>茎・葉は「非医」</t>
  </si>
  <si>
    <t>果実・種子は「非医」</t>
  </si>
  <si>
    <t>子実体は「非医」</t>
  </si>
  <si>
    <t>葉・幼若花茎は「非医」</t>
  </si>
  <si>
    <t>カンキョウニンは「非医」</t>
  </si>
  <si>
    <t>果実は「非医」</t>
    <rPh sb="0" eb="2">
      <t>カジツ</t>
    </rPh>
    <phoneticPr fontId="1"/>
  </si>
  <si>
    <t>発芽防止処理された種子・種子油は「非医」</t>
  </si>
  <si>
    <t>葉・花は「非医」</t>
  </si>
  <si>
    <t>若芽は「非医」</t>
  </si>
  <si>
    <t>根・葉は「非医」</t>
  </si>
  <si>
    <t>果実・葉は「非医」</t>
  </si>
  <si>
    <t>シャジン＜沙参＞の根は「非医」</t>
  </si>
  <si>
    <t>アカショウマの根は「非医」</t>
  </si>
  <si>
    <t>ヤマゴボウ（Cirsium dipsacolepis）の根は「非医」</t>
  </si>
  <si>
    <t>根以外は「非医」</t>
  </si>
  <si>
    <t>樹皮・葉・花・芽は「非医」、トチノキの種子は「非医」</t>
  </si>
  <si>
    <t>茎は「非医」</t>
  </si>
  <si>
    <t>センソウ＜仙草＞の全草は「非医」</t>
  </si>
  <si>
    <t>葉・花・実（集合果）は「非医」</t>
  </si>
  <si>
    <t>種子・葉・花は「非医」</t>
  </si>
  <si>
    <t>果実・葉・葉柄・木部は「非医」</t>
  </si>
  <si>
    <t>心材は「非医」</t>
  </si>
  <si>
    <t>種子以外は「非医」</t>
  </si>
  <si>
    <t>発芽防止処理されている種子は「非医」</t>
  </si>
  <si>
    <t>実は「非医」</t>
  </si>
  <si>
    <t>根・葉肉は「非医」、キダチアロエの葉は「非医」</t>
  </si>
  <si>
    <t>コイ・ヘビの胆嚢は「非医」</t>
  </si>
  <si>
    <t>骨格筋抽出物は「非医」</t>
  </si>
  <si>
    <t>ウシ・シカ・ブタの血液・血漿は「非医」</t>
  </si>
  <si>
    <t>ウシ骨髄は「非医」</t>
  </si>
  <si>
    <t>ヘビ全体は「非医」</t>
  </si>
  <si>
    <t>ウシ・ヒツジ・ブタの胎盤は「非医」</t>
  </si>
  <si>
    <t>パパイア、パイナップル加工品は「非医」</t>
  </si>
  <si>
    <t xml:space="preserve">
　　　　</t>
    <phoneticPr fontId="1"/>
  </si>
  <si>
    <t>オニバス</t>
  </si>
  <si>
    <t>オリーブ</t>
  </si>
  <si>
    <t>オリーブ油/オレイフ</t>
  </si>
  <si>
    <t>海中の食用藻類</t>
  </si>
  <si>
    <t>カイソウ＜海葱＞属の鱗茎は「医」</t>
  </si>
  <si>
    <t>ガイハク</t>
  </si>
  <si>
    <t>ノビル/ラッキョウ</t>
  </si>
  <si>
    <t>ガウクルア</t>
  </si>
  <si>
    <t>アカガウクルア</t>
  </si>
  <si>
    <t>カシス</t>
  </si>
  <si>
    <t>クロフサスグリ</t>
  </si>
  <si>
    <t>ガジュツ</t>
  </si>
  <si>
    <t>カシュトウ</t>
  </si>
  <si>
    <t>カンカトウ/ドカンゾウ</t>
  </si>
  <si>
    <t>カツアバ</t>
  </si>
  <si>
    <t>カノコソウ</t>
  </si>
  <si>
    <t>キッソウコン/セイヨウカノコソウ/ワレリア</t>
  </si>
  <si>
    <t>カバノアナタケ</t>
  </si>
  <si>
    <t>カボチャ</t>
  </si>
  <si>
    <t>ナンガニン</t>
  </si>
  <si>
    <t>ガマ</t>
  </si>
  <si>
    <t>ヒメガマ</t>
  </si>
  <si>
    <t>花粉以外</t>
  </si>
  <si>
    <t>花粉（蒲黄）は「医」</t>
  </si>
  <si>
    <t>カミツレ</t>
  </si>
  <si>
    <t>カモミール</t>
  </si>
  <si>
    <t>小頭花</t>
  </si>
  <si>
    <t>カムカム</t>
  </si>
  <si>
    <t>ガムググル</t>
  </si>
  <si>
    <t>カヤツリグサ</t>
  </si>
  <si>
    <t>カラスノエンドウ</t>
  </si>
  <si>
    <t>コモンヴィッチ</t>
  </si>
  <si>
    <t>カラスムギ</t>
  </si>
  <si>
    <t>ヤエンムギ</t>
  </si>
  <si>
    <t>ガラナ</t>
  </si>
  <si>
    <t>カルケ/カルケージャ/パッソーラ</t>
  </si>
  <si>
    <t>ガレガソウ</t>
  </si>
  <si>
    <t>果実・種子</t>
  </si>
  <si>
    <t>サルノコシカケ</t>
  </si>
  <si>
    <t>菌糸体は「医」</t>
  </si>
  <si>
    <t>カンキョウニン</t>
  </si>
  <si>
    <t>アンズ</t>
  </si>
  <si>
    <t>クキョウニンは「医」</t>
  </si>
  <si>
    <t>カンショ</t>
  </si>
  <si>
    <t>サトウキビ</t>
  </si>
  <si>
    <t>カンゾウ＜甘草＞</t>
  </si>
  <si>
    <t>リコライス</t>
  </si>
  <si>
    <t>根･ストロン</t>
  </si>
  <si>
    <t>キイチゴ</t>
  </si>
  <si>
    <t>キキョウ</t>
  </si>
  <si>
    <t>キグ</t>
  </si>
  <si>
    <t>ケンポナシ</t>
  </si>
  <si>
    <t>果実･果柄</t>
  </si>
  <si>
    <t>キクイモ</t>
  </si>
  <si>
    <t>キクカ</t>
  </si>
  <si>
    <t>キク</t>
  </si>
  <si>
    <t>頭花</t>
  </si>
  <si>
    <t>チコリー</t>
  </si>
  <si>
    <t>根・根の抽出物・葉・花</t>
  </si>
  <si>
    <t>キクラゲ</t>
  </si>
  <si>
    <t>アロエの葉液汁は「医」</t>
  </si>
  <si>
    <t>キダチキンバイ</t>
  </si>
  <si>
    <t>スイチョウコウ</t>
  </si>
  <si>
    <t>キダチハッカ</t>
  </si>
  <si>
    <t>サボリー</t>
  </si>
  <si>
    <t>キヌガサタケ</t>
  </si>
  <si>
    <t>キノア</t>
  </si>
  <si>
    <t>種子･葉</t>
  </si>
  <si>
    <t>サントリソウ</t>
  </si>
  <si>
    <t>キバナシュスラン</t>
  </si>
  <si>
    <t>キブネダイオウ</t>
  </si>
  <si>
    <t>ネパールサンモ</t>
  </si>
  <si>
    <t>ギムネマ</t>
  </si>
  <si>
    <t>タピオカ/マニオク</t>
  </si>
  <si>
    <t>塊根・葉</t>
  </si>
  <si>
    <t>キャッツクロー</t>
  </si>
  <si>
    <t>キュウセツチャ</t>
  </si>
  <si>
    <t>センリョウ</t>
  </si>
  <si>
    <t>ギュウハクトウ</t>
  </si>
  <si>
    <t>ギョウジャニンニク</t>
  </si>
  <si>
    <t>キョウチクトウ</t>
  </si>
  <si>
    <t>ギョリュウ</t>
  </si>
  <si>
    <t>ギョリュウモドキ</t>
  </si>
  <si>
    <t>エリカ/スコッツヘザー</t>
  </si>
  <si>
    <t>キランソウ</t>
  </si>
  <si>
    <t>ジゴクノカマノフタ</t>
  </si>
  <si>
    <t>キリンケツヤシ</t>
  </si>
  <si>
    <t>果実から分泌する紅色樹脂</t>
  </si>
  <si>
    <t>キンカン</t>
  </si>
  <si>
    <t>キンギンカ</t>
  </si>
  <si>
    <t>スイカズラ/ニンドウ</t>
  </si>
  <si>
    <t>キンシバイ</t>
  </si>
  <si>
    <t>キンシンサイ</t>
  </si>
  <si>
    <t>ヤブカンゾウ</t>
  </si>
  <si>
    <t>花・若芽</t>
  </si>
  <si>
    <t>キンセンソウ</t>
  </si>
  <si>
    <t>キンセンレン</t>
  </si>
  <si>
    <t>ギンネム</t>
  </si>
  <si>
    <t>ギンゴウカン</t>
  </si>
  <si>
    <t>キンマ</t>
  </si>
  <si>
    <t>キンミズヒキ</t>
  </si>
  <si>
    <t>センカクソウ/リュウガソウ</t>
  </si>
  <si>
    <t>キンモクセイ</t>
  </si>
  <si>
    <t>キンレンカ</t>
  </si>
  <si>
    <t>グアコ</t>
  </si>
  <si>
    <t>グアバ</t>
  </si>
  <si>
    <t>バンカ/バンザクロ/バンジロウ/バンセキリュウ</t>
  </si>
  <si>
    <t>果実・果皮・葉</t>
  </si>
  <si>
    <t>グアヤクノキ</t>
  </si>
  <si>
    <t>ユソウボク</t>
  </si>
  <si>
    <t>材部</t>
  </si>
  <si>
    <t>クガイ</t>
  </si>
  <si>
    <t>ニガヨモギ/ワームウッド</t>
  </si>
  <si>
    <t>茎枝</t>
  </si>
  <si>
    <t>クコシ/クコヨウ</t>
  </si>
  <si>
    <t>根皮は「医」</t>
  </si>
  <si>
    <t>クサボケ</t>
  </si>
  <si>
    <t>根（カッコン）は「医」</t>
  </si>
  <si>
    <t>クスノキ</t>
  </si>
  <si>
    <t>グッタペルカ</t>
  </si>
  <si>
    <t>乳液</t>
  </si>
  <si>
    <t>クマザサ</t>
  </si>
  <si>
    <t>クマツヅラ</t>
  </si>
  <si>
    <t>バーベナ/バベンソウ</t>
  </si>
  <si>
    <t>クマヤナギ</t>
  </si>
  <si>
    <t>茎･葉･木部</t>
  </si>
  <si>
    <t>クミスクチン</t>
  </si>
  <si>
    <t>クミン</t>
  </si>
  <si>
    <t>クラチャイ</t>
  </si>
  <si>
    <t>クンチ</t>
  </si>
  <si>
    <t>果実</t>
    <rPh sb="0" eb="2">
      <t>カジツ</t>
    </rPh>
    <phoneticPr fontId="1"/>
  </si>
  <si>
    <t>種子は「医」</t>
    <rPh sb="0" eb="2">
      <t>シュシ</t>
    </rPh>
    <rPh sb="4" eb="5">
      <t>イ</t>
    </rPh>
    <phoneticPr fontId="1"/>
  </si>
  <si>
    <t>クランベリー</t>
  </si>
  <si>
    <t>ツルコケモモ</t>
  </si>
  <si>
    <t>ラブラドールティー</t>
  </si>
  <si>
    <t>コムギ</t>
  </si>
  <si>
    <t>小麦蛋白質の混合物</t>
  </si>
  <si>
    <t>クルマバソウ</t>
  </si>
  <si>
    <t>ウッドラフ</t>
  </si>
  <si>
    <t>グレープフルーツ</t>
  </si>
  <si>
    <t>クローブ</t>
  </si>
  <si>
    <t>花･蕾</t>
  </si>
  <si>
    <t>クロガラシ</t>
  </si>
  <si>
    <t>クログルミ</t>
  </si>
  <si>
    <t>成熟果実・葉</t>
  </si>
  <si>
    <t>クロスグリ</t>
  </si>
  <si>
    <t>黒米</t>
  </si>
  <si>
    <t>クロヨナ</t>
  </si>
  <si>
    <t>クロレラ</t>
  </si>
  <si>
    <t>ソウジン/ソウヨウ/マグワ</t>
  </si>
  <si>
    <t>葉・花・実（集合果）</t>
  </si>
  <si>
    <t>クワガタソウ</t>
  </si>
  <si>
    <t>ケイケットウ</t>
  </si>
  <si>
    <t>つる</t>
  </si>
  <si>
    <t>ケイ/シナニッケイ/ニッケイ</t>
  </si>
  <si>
    <t>ケール</t>
  </si>
  <si>
    <t>ハゴロモカンラン</t>
  </si>
  <si>
    <t>発芽防止処理した種子・種子油</t>
  </si>
  <si>
    <t>発芽防止処理した種子・種子油を除く全草は「医」</t>
  </si>
  <si>
    <t>ゲッカビジン</t>
  </si>
  <si>
    <t>ドンカ</t>
  </si>
  <si>
    <t>ゲッケイヨウ/ベイリーフ/ローレル</t>
  </si>
  <si>
    <t>ケルプ</t>
  </si>
  <si>
    <t>ケン</t>
  </si>
  <si>
    <t>種子の核</t>
  </si>
  <si>
    <t>ケンケレバ</t>
  </si>
  <si>
    <t>コンブレツム</t>
  </si>
  <si>
    <t>根・根茎は「医」</t>
  </si>
  <si>
    <t>玄米胚芽</t>
  </si>
  <si>
    <t>胚芽・胚芽油</t>
  </si>
  <si>
    <t>コウカガンショウ</t>
  </si>
  <si>
    <t>セキレン</t>
  </si>
  <si>
    <t>ドクカツ（ウド/Aralia cordata）の根茎は「医」</t>
    <rPh sb="24" eb="26">
      <t>コンケイ</t>
    </rPh>
    <rPh sb="28" eb="29">
      <t>イ</t>
    </rPh>
    <phoneticPr fontId="1"/>
  </si>
  <si>
    <t>コウキ</t>
  </si>
  <si>
    <t>茎・樹皮･葉</t>
  </si>
  <si>
    <t>コウジュ</t>
  </si>
  <si>
    <t>ナギナタコウジュ</t>
  </si>
  <si>
    <t>コウシンコウ</t>
  </si>
  <si>
    <t>部　　位　　等</t>
    <phoneticPr fontId="1"/>
  </si>
  <si>
    <t>Aminotadalafil</t>
    <phoneticPr fontId="1"/>
  </si>
  <si>
    <t>アンドロステンジオン</t>
    <phoneticPr fontId="1"/>
  </si>
  <si>
    <t>イミダゾサガトリアジノン</t>
    <phoneticPr fontId="1"/>
  </si>
  <si>
    <t>Imidazosagatriadinone</t>
    <phoneticPr fontId="1"/>
  </si>
  <si>
    <t>インベルチン/サッカラーゼ/β-フルクトフラノシダーゼ</t>
    <phoneticPr fontId="1"/>
  </si>
  <si>
    <t>ウデナフィル</t>
    <phoneticPr fontId="1"/>
  </si>
  <si>
    <t>Udenafil</t>
    <phoneticPr fontId="1"/>
  </si>
  <si>
    <t>Ｓ-アデノシル-Ｌ-メチオニン</t>
    <phoneticPr fontId="1"/>
  </si>
  <si>
    <t>SAMe</t>
    <phoneticPr fontId="1"/>
  </si>
  <si>
    <t>Ｎ－ニトロソフェンフルラミン</t>
    <phoneticPr fontId="1"/>
  </si>
  <si>
    <t>カルボデナフィル</t>
    <phoneticPr fontId="1"/>
  </si>
  <si>
    <t>Carbodenafil</t>
    <phoneticPr fontId="1"/>
  </si>
  <si>
    <t>Xanthoanthrafil</t>
    <phoneticPr fontId="1"/>
  </si>
  <si>
    <t>Chloropretadalafil</t>
    <phoneticPr fontId="1"/>
  </si>
  <si>
    <t>ゲンデナフィル</t>
    <phoneticPr fontId="1"/>
  </si>
  <si>
    <t>Ｓｉｌｄｅｎａｆｉｌ</t>
    <phoneticPr fontId="1"/>
  </si>
  <si>
    <t>セキテッコウ</t>
    <phoneticPr fontId="1"/>
  </si>
  <si>
    <t>Tadalafil</t>
    <phoneticPr fontId="1"/>
  </si>
  <si>
    <r>
      <t>脱</t>
    </r>
    <r>
      <rPr>
        <i/>
        <sz val="14"/>
        <rFont val="ＭＳ Ｐ明朝"/>
        <family val="1"/>
        <charset val="128"/>
      </rPr>
      <t>Ｎ</t>
    </r>
    <r>
      <rPr>
        <sz val="14"/>
        <rFont val="ＭＳ Ｐ明朝"/>
        <family val="1"/>
        <charset val="128"/>
      </rPr>
      <t>－メチルシブトラミン</t>
    </r>
    <rPh sb="0" eb="1">
      <t>ダツ</t>
    </rPh>
    <phoneticPr fontId="1"/>
  </si>
  <si>
    <t>チオデナフィル</t>
    <phoneticPr fontId="1"/>
  </si>
  <si>
    <t>Thiodenafil</t>
    <phoneticPr fontId="1"/>
  </si>
  <si>
    <t>1-デオキシノジリマイシン</t>
    <phoneticPr fontId="1"/>
  </si>
  <si>
    <t>ＤＮＪ</t>
    <phoneticPr fontId="1"/>
  </si>
  <si>
    <t>Dextromethorphan</t>
    <phoneticPr fontId="1"/>
  </si>
  <si>
    <t>ニトロデナフィル</t>
    <phoneticPr fontId="1"/>
  </si>
  <si>
    <t>Nitrodenafil</t>
    <phoneticPr fontId="1"/>
  </si>
  <si>
    <t>Norneosildenafil</t>
    <phoneticPr fontId="1"/>
  </si>
  <si>
    <t>ノルホンデナフィル</t>
    <phoneticPr fontId="1"/>
  </si>
  <si>
    <t>Norhongdenafil</t>
    <phoneticPr fontId="1"/>
  </si>
  <si>
    <t>パパイン</t>
    <phoneticPr fontId="1"/>
  </si>
  <si>
    <t>Vardenafil</t>
    <phoneticPr fontId="1"/>
  </si>
  <si>
    <t>Harmaline</t>
    <phoneticPr fontId="1"/>
  </si>
  <si>
    <t>Harmine</t>
    <phoneticPr fontId="1"/>
  </si>
  <si>
    <t>BDD</t>
    <phoneticPr fontId="1"/>
  </si>
  <si>
    <t>ジメチル－４，４’－ジメトキシ－５，６，５’，６’－ジメチレンジオキシビフェニル－２，２’－ジカルボキシレート</t>
    <phoneticPr fontId="1"/>
  </si>
  <si>
    <t>Hydroxyhomosildenafil</t>
    <phoneticPr fontId="1"/>
  </si>
  <si>
    <t>Hydroxyhongdenafil</t>
    <phoneticPr fontId="1"/>
  </si>
  <si>
    <t>Bufotenine</t>
    <phoneticPr fontId="1"/>
  </si>
  <si>
    <t>ホモシルデナフィル</t>
    <phoneticPr fontId="1"/>
  </si>
  <si>
    <t>Homosildenafil</t>
    <phoneticPr fontId="1"/>
  </si>
  <si>
    <t>ホモチオデナフィル</t>
    <phoneticPr fontId="1"/>
  </si>
  <si>
    <t>Homothiodenafil</t>
    <phoneticPr fontId="1"/>
  </si>
  <si>
    <t>α-グルコシダーゼ</t>
    <phoneticPr fontId="1"/>
  </si>
  <si>
    <t>β-ガラクトシダーゼ</t>
    <phoneticPr fontId="1"/>
  </si>
  <si>
    <t>注１）　他の部位が別のリストに掲載されている場合等、その取扱いが紛らわしいものについては、備考欄にその旨</t>
    <phoneticPr fontId="1"/>
  </si>
  <si>
    <t>　　　記載している。</t>
    <phoneticPr fontId="1"/>
  </si>
  <si>
    <t>　　　掲載されていることを示す。</t>
    <phoneticPr fontId="1"/>
  </si>
  <si>
    <t>注３）　消化酵素の名称については、同様の機能を持つものとしての総称として使用されているものを含む。</t>
    <phoneticPr fontId="1"/>
  </si>
  <si>
    <t>アセチルアシッド</t>
    <phoneticPr fontId="1"/>
  </si>
  <si>
    <t>N-octylnortadalafil</t>
    <phoneticPr fontId="1"/>
  </si>
  <si>
    <t>シクロペンチナフィル</t>
    <phoneticPr fontId="1"/>
  </si>
  <si>
    <t>Cyclopentynafil</t>
    <phoneticPr fontId="1"/>
  </si>
  <si>
    <t>チオキナピペリフィル</t>
    <phoneticPr fontId="1"/>
  </si>
  <si>
    <t>Thioquinapiperifil</t>
    <phoneticPr fontId="1"/>
  </si>
  <si>
    <t>ヒドロキシチオホモシルデナフィル</t>
    <phoneticPr fontId="1"/>
  </si>
  <si>
    <t>Hydroxythiohomosildenafil</t>
    <phoneticPr fontId="1"/>
  </si>
  <si>
    <t>メチソシルデナフィル</t>
    <phoneticPr fontId="1"/>
  </si>
  <si>
    <t>アカショウマ</t>
    <phoneticPr fontId="1"/>
  </si>
  <si>
    <t>アカツメクサ</t>
    <phoneticPr fontId="1"/>
  </si>
  <si>
    <t>アカバナムシヨケギク</t>
    <phoneticPr fontId="1"/>
  </si>
  <si>
    <t>アカメガシワ</t>
    <phoneticPr fontId="1"/>
  </si>
  <si>
    <t>アガリクス</t>
    <phoneticPr fontId="1"/>
  </si>
  <si>
    <t>アガリクス・ブラゼイ/ヒメマツタケ</t>
    <phoneticPr fontId="1"/>
  </si>
  <si>
    <t>アギタケ</t>
    <phoneticPr fontId="1"/>
  </si>
  <si>
    <t>アサ</t>
    <phoneticPr fontId="1"/>
  </si>
  <si>
    <t>アセンヤク</t>
    <phoneticPr fontId="1"/>
  </si>
  <si>
    <t>アップルミント</t>
    <phoneticPr fontId="1"/>
  </si>
  <si>
    <t>ラウンドリーミント</t>
    <phoneticPr fontId="1"/>
  </si>
  <si>
    <t>アニス</t>
    <phoneticPr fontId="1"/>
  </si>
  <si>
    <t>アマ</t>
    <phoneticPr fontId="1"/>
  </si>
  <si>
    <t>アメリカニンジン</t>
    <phoneticPr fontId="1"/>
  </si>
  <si>
    <t>カントンニンジン/セイヨウジン/セイヨウニンジン/Panax quinquefolium</t>
    <phoneticPr fontId="1"/>
  </si>
  <si>
    <t>アラビアゴム</t>
    <phoneticPr fontId="1"/>
  </si>
  <si>
    <t>アルテア</t>
    <phoneticPr fontId="1"/>
  </si>
  <si>
    <t>アルファルファ</t>
    <phoneticPr fontId="1"/>
  </si>
  <si>
    <t>アロエ</t>
    <phoneticPr fontId="1"/>
  </si>
  <si>
    <t>アンティリス・ブルネラリア</t>
    <phoneticPr fontId="1"/>
  </si>
  <si>
    <t>イグサ</t>
    <phoneticPr fontId="1"/>
  </si>
  <si>
    <t>イ/トウシンソウ/Juncuｓ effusus</t>
    <phoneticPr fontId="1"/>
  </si>
  <si>
    <t>イクリニン</t>
    <phoneticPr fontId="1"/>
  </si>
  <si>
    <t>ロクテイソウ/Pyrolaceae japonica</t>
    <phoneticPr fontId="1"/>
  </si>
  <si>
    <t>Tinospora crispa</t>
    <phoneticPr fontId="1"/>
  </si>
  <si>
    <t>インドカラタチ</t>
    <phoneticPr fontId="1"/>
  </si>
  <si>
    <t>Ficus religiosa</t>
    <phoneticPr fontId="1"/>
  </si>
  <si>
    <t>ウチワサボテン属</t>
    <phoneticPr fontId="1"/>
  </si>
  <si>
    <t>Aralia cordata　</t>
    <phoneticPr fontId="1"/>
  </si>
  <si>
    <t>エーデルワイス</t>
    <phoneticPr fontId="1"/>
  </si>
  <si>
    <t>Leontopodium alpinum</t>
    <phoneticPr fontId="1"/>
  </si>
  <si>
    <t>エキナケア</t>
    <phoneticPr fontId="1"/>
  </si>
  <si>
    <t>エストラゴン</t>
    <phoneticPr fontId="1"/>
  </si>
  <si>
    <t>エゾウコギ</t>
    <phoneticPr fontId="1"/>
  </si>
  <si>
    <t>シゴカ/シベリアニンジン</t>
    <phoneticPr fontId="1"/>
  </si>
  <si>
    <t>幹皮･根・根皮・葉・花・果実</t>
    <phoneticPr fontId="1"/>
  </si>
  <si>
    <t>エルカンプーレ</t>
    <phoneticPr fontId="1"/>
  </si>
  <si>
    <t>Hercampure</t>
    <phoneticPr fontId="1"/>
  </si>
  <si>
    <t>オウギ</t>
    <phoneticPr fontId="1"/>
  </si>
  <si>
    <t>オウゴン</t>
    <phoneticPr fontId="1"/>
  </si>
  <si>
    <t>バクガ/Hordeum vulgare</t>
    <phoneticPr fontId="1"/>
  </si>
  <si>
    <t>オシャグジタケ</t>
    <phoneticPr fontId="1"/>
  </si>
  <si>
    <t>オシャクシタケ/サヨウ/Cynomorium coccineum</t>
    <phoneticPr fontId="1"/>
  </si>
  <si>
    <t>オニサルビア</t>
    <phoneticPr fontId="1"/>
  </si>
  <si>
    <t>クラリーセージ/Salvia sclarea</t>
    <phoneticPr fontId="1"/>
  </si>
  <si>
    <t>オペルクリナ・タルペタム</t>
    <phoneticPr fontId="1"/>
  </si>
  <si>
    <t>オミナエシ</t>
    <phoneticPr fontId="1"/>
  </si>
  <si>
    <t>ハイショウ/Patrinia scabiosaefolia</t>
    <phoneticPr fontId="1"/>
  </si>
  <si>
    <t>オレンジ</t>
    <phoneticPr fontId="1"/>
  </si>
  <si>
    <t>オレンジピール</t>
    <phoneticPr fontId="1"/>
  </si>
  <si>
    <t>Ampelopsis japonica</t>
    <phoneticPr fontId="1"/>
  </si>
  <si>
    <t>カキ＜柿＞</t>
    <phoneticPr fontId="1"/>
  </si>
  <si>
    <t>Diospyros kaki</t>
    <phoneticPr fontId="1"/>
  </si>
  <si>
    <t>渋・葉・果実の宿存がく（ヘタ）</t>
    <phoneticPr fontId="1"/>
  </si>
  <si>
    <t>カキネガラシ</t>
    <phoneticPr fontId="1"/>
  </si>
  <si>
    <t>ヘッジマスタード/エリシマム</t>
    <phoneticPr fontId="1"/>
  </si>
  <si>
    <t>全草</t>
    <phoneticPr fontId="1"/>
  </si>
  <si>
    <t>カシグルミ</t>
    <phoneticPr fontId="1"/>
  </si>
  <si>
    <t>カッパリス・マサイカイ</t>
    <phoneticPr fontId="1"/>
  </si>
  <si>
    <t>カニクサ</t>
    <phoneticPr fontId="1"/>
  </si>
  <si>
    <t>ツルシノブ/Lygodium japonicum</t>
    <phoneticPr fontId="1"/>
  </si>
  <si>
    <t>カフン</t>
    <phoneticPr fontId="1"/>
  </si>
  <si>
    <t>Ｃommiphora mukul</t>
    <phoneticPr fontId="1"/>
  </si>
  <si>
    <t>カラタチ</t>
    <phoneticPr fontId="1"/>
  </si>
  <si>
    <t>キコク/Poncirus trifoliata</t>
    <phoneticPr fontId="1"/>
  </si>
  <si>
    <t>カリウスフォレスコリー</t>
    <phoneticPr fontId="1"/>
  </si>
  <si>
    <t>カルケッハ</t>
    <phoneticPr fontId="1"/>
  </si>
  <si>
    <t>ガルシニアカンボジア</t>
    <phoneticPr fontId="1"/>
  </si>
  <si>
    <t>インディアンデイト/ゴラカ/タマリンド</t>
    <phoneticPr fontId="1"/>
  </si>
  <si>
    <t>カロニン</t>
    <phoneticPr fontId="1"/>
  </si>
  <si>
    <t>カンカニクジュヨウ</t>
    <phoneticPr fontId="1"/>
  </si>
  <si>
    <t>Cistanche ｔubulosa</t>
    <phoneticPr fontId="1"/>
  </si>
  <si>
    <t>カンブイ</t>
    <phoneticPr fontId="1"/>
  </si>
  <si>
    <t>Canarium album</t>
    <phoneticPr fontId="1"/>
  </si>
  <si>
    <t>キクニガナ</t>
    <phoneticPr fontId="1"/>
  </si>
  <si>
    <t>キダチアロエ</t>
    <phoneticPr fontId="1"/>
  </si>
  <si>
    <t>キダチコミカンソウ</t>
    <phoneticPr fontId="1"/>
  </si>
  <si>
    <t>全草</t>
    <phoneticPr fontId="1"/>
  </si>
  <si>
    <t>キリンケツ</t>
    <phoneticPr fontId="1"/>
  </si>
  <si>
    <t>キリンソウ</t>
    <phoneticPr fontId="1"/>
  </si>
  <si>
    <t>クズ</t>
    <phoneticPr fontId="1"/>
  </si>
  <si>
    <t>グラビオラ</t>
    <phoneticPr fontId="1"/>
  </si>
  <si>
    <t>グリーンランドイソツツジ</t>
    <phoneticPr fontId="1"/>
  </si>
  <si>
    <t>グルテン</t>
    <phoneticPr fontId="1"/>
  </si>
  <si>
    <t>クワ</t>
    <phoneticPr fontId="1"/>
  </si>
  <si>
    <t>ケイシ</t>
    <phoneticPr fontId="1"/>
  </si>
  <si>
    <t>Cinnamomum cassia</t>
    <phoneticPr fontId="1"/>
  </si>
  <si>
    <t>ケイヒ</t>
    <phoneticPr fontId="1"/>
  </si>
  <si>
    <t>ケシ</t>
    <phoneticPr fontId="1"/>
  </si>
  <si>
    <t>ゲッケイジュ</t>
    <phoneticPr fontId="1"/>
  </si>
  <si>
    <t>ゲットウ</t>
    <phoneticPr fontId="1"/>
  </si>
  <si>
    <t>月桃</t>
    <phoneticPr fontId="1"/>
  </si>
  <si>
    <t>酵母</t>
    <phoneticPr fontId="1"/>
  </si>
  <si>
    <t>Saccharomycesに属する単細胞生物/トルラ酵母/ビール酵母/Candida　utilis</t>
    <phoneticPr fontId="1"/>
  </si>
  <si>
    <t>コウモウゴカ</t>
    <phoneticPr fontId="1"/>
  </si>
  <si>
    <t>Picrorhiza kurrooa/Picrorhiza 
 scrophulariaeflora</t>
    <phoneticPr fontId="1"/>
  </si>
  <si>
    <t>コガネキクラゲ</t>
    <phoneticPr fontId="1"/>
  </si>
  <si>
    <t>Golden Tremella</t>
    <phoneticPr fontId="1"/>
  </si>
  <si>
    <t>子実体</t>
    <phoneticPr fontId="1"/>
  </si>
  <si>
    <t>コパイーバ・オフィシナリス</t>
    <phoneticPr fontId="1"/>
  </si>
  <si>
    <t>Copaifera officinalis</t>
    <phoneticPr fontId="1"/>
  </si>
  <si>
    <t>コパイーバ・ラングスドルフィ</t>
    <phoneticPr fontId="1"/>
  </si>
  <si>
    <t>Copaifera langsdorffii</t>
    <phoneticPr fontId="1"/>
  </si>
  <si>
    <t>コハク</t>
    <phoneticPr fontId="1"/>
  </si>
  <si>
    <t>古代マツ科Pinus属植物樹脂の化合物</t>
    <phoneticPr fontId="1"/>
  </si>
  <si>
    <t>コムギ</t>
    <phoneticPr fontId="1"/>
  </si>
  <si>
    <t>ザクロ</t>
    <phoneticPr fontId="1"/>
  </si>
  <si>
    <t>サンセキリュウ/セキリュウ/Punica granatum</t>
    <phoneticPr fontId="1"/>
  </si>
  <si>
    <t>サラシア・レティキュラータ</t>
    <phoneticPr fontId="1"/>
  </si>
  <si>
    <t>コタラヒム/コタラヒムブツ</t>
    <phoneticPr fontId="1"/>
  </si>
  <si>
    <t>サラシア・オブロンガ</t>
    <phoneticPr fontId="1"/>
  </si>
  <si>
    <t>サラシア・キネンシス</t>
    <phoneticPr fontId="1"/>
  </si>
  <si>
    <t>茎・根</t>
    <phoneticPr fontId="1"/>
  </si>
  <si>
    <t>サンカクトウ</t>
    <phoneticPr fontId="1"/>
  </si>
  <si>
    <t>サンキライ</t>
    <phoneticPr fontId="1"/>
  </si>
  <si>
    <t>ケナシサルトリイバラ/Smilax glabra</t>
    <phoneticPr fontId="1"/>
  </si>
  <si>
    <t>シシウド</t>
    <phoneticPr fontId="1"/>
  </si>
  <si>
    <t>シソ</t>
    <phoneticPr fontId="1"/>
  </si>
  <si>
    <t>シセンサンショウ</t>
    <phoneticPr fontId="1"/>
  </si>
  <si>
    <t>土山椒</t>
    <phoneticPr fontId="1"/>
  </si>
  <si>
    <t>根</t>
    <phoneticPr fontId="1"/>
  </si>
  <si>
    <t>インドシタン/Pterocarpus indicus</t>
    <phoneticPr fontId="1"/>
  </si>
  <si>
    <t>根・樹皮・材</t>
    <phoneticPr fontId="1"/>
  </si>
  <si>
    <t>ソウボク/Aralia chinensis</t>
    <phoneticPr fontId="1"/>
  </si>
  <si>
    <t>ジフ</t>
    <phoneticPr fontId="1"/>
  </si>
  <si>
    <t>シャジン＜沙参＞</t>
    <phoneticPr fontId="1"/>
  </si>
  <si>
    <t>ショウノウ</t>
    <phoneticPr fontId="1"/>
  </si>
  <si>
    <t>スペアミント</t>
    <phoneticPr fontId="1"/>
  </si>
  <si>
    <t>スマ</t>
    <phoneticPr fontId="1"/>
  </si>
  <si>
    <t>スリムアマランス</t>
    <phoneticPr fontId="1"/>
  </si>
  <si>
    <t>セイタカカナビキソウ</t>
    <phoneticPr fontId="1"/>
  </si>
  <si>
    <t>セイヨウオオバコ</t>
    <phoneticPr fontId="1"/>
  </si>
  <si>
    <t>オニオオバコ</t>
    <phoneticPr fontId="1"/>
  </si>
  <si>
    <t>セイヨウオトギリソウ</t>
    <phoneticPr fontId="1"/>
  </si>
  <si>
    <t>セイヨウキンミズヒキ</t>
    <phoneticPr fontId="1"/>
  </si>
  <si>
    <t>セイヨウサンザシ</t>
    <phoneticPr fontId="1"/>
  </si>
  <si>
    <t>セイヨウナツユキソウ</t>
    <phoneticPr fontId="1"/>
  </si>
  <si>
    <t>セイヨウニンジンボク</t>
    <phoneticPr fontId="1"/>
  </si>
  <si>
    <t>セイヨウマツタケ</t>
    <phoneticPr fontId="1"/>
  </si>
  <si>
    <t>セキイ</t>
    <phoneticPr fontId="1"/>
  </si>
  <si>
    <t>ヒトツバ/Pyrrosia lingua/Pyrrosia grandisimus/Pyrrosia pelislosus/Pyrrosia hastata</t>
    <phoneticPr fontId="1"/>
  </si>
  <si>
    <t>セキショウモ</t>
    <phoneticPr fontId="1"/>
  </si>
  <si>
    <t>セキヨウ</t>
    <phoneticPr fontId="1"/>
  </si>
  <si>
    <t>センソウ＜仙草＞</t>
    <phoneticPr fontId="1"/>
  </si>
  <si>
    <t>Centaurium minus</t>
    <phoneticPr fontId="1"/>
  </si>
  <si>
    <t>クレン/トキワセンダン/Melia azedarach</t>
    <phoneticPr fontId="1"/>
  </si>
  <si>
    <t>センナ</t>
    <phoneticPr fontId="1"/>
  </si>
  <si>
    <t xml:space="preserve">センリョウ </t>
    <phoneticPr fontId="1"/>
  </si>
  <si>
    <t>腫節風/竹節草/草珊瑚</t>
    <phoneticPr fontId="1"/>
  </si>
  <si>
    <t>全株</t>
    <phoneticPr fontId="1"/>
  </si>
  <si>
    <t>ハマウツボ/Orobanche coerulescens</t>
    <phoneticPr fontId="1"/>
  </si>
  <si>
    <t>ソバ</t>
    <phoneticPr fontId="1"/>
  </si>
  <si>
    <t>キョウバク/ソバミツ/Fagopyrum esulentum</t>
    <phoneticPr fontId="1"/>
  </si>
  <si>
    <t>ターミナリア・ベリリカ</t>
    <phoneticPr fontId="1"/>
  </si>
  <si>
    <t>Terminalia bellirica</t>
    <phoneticPr fontId="1"/>
  </si>
  <si>
    <t>ダイオウ</t>
    <phoneticPr fontId="1"/>
  </si>
  <si>
    <t>ダイズ</t>
    <phoneticPr fontId="1"/>
  </si>
  <si>
    <t>ダイダイ</t>
    <phoneticPr fontId="1"/>
  </si>
  <si>
    <t>キジツ/キコク/トウヒ/Citrus aurantium</t>
    <phoneticPr fontId="1"/>
  </si>
  <si>
    <t>タイワンテイカカズラ</t>
    <phoneticPr fontId="1"/>
  </si>
  <si>
    <t>カンコウソウ/Penthorum chineｎse</t>
    <phoneticPr fontId="1"/>
  </si>
  <si>
    <t>茎・葉</t>
    <phoneticPr fontId="1"/>
  </si>
  <si>
    <t>Citrus tachibana</t>
    <phoneticPr fontId="1"/>
  </si>
  <si>
    <t>タチバナアデク</t>
    <phoneticPr fontId="1"/>
  </si>
  <si>
    <t>Aralia elata</t>
    <phoneticPr fontId="1"/>
  </si>
  <si>
    <t>チクレキ</t>
    <phoneticPr fontId="1"/>
  </si>
  <si>
    <t>チョウトウコウ</t>
    <phoneticPr fontId="1"/>
  </si>
  <si>
    <t>チョウジ</t>
    <phoneticPr fontId="1"/>
  </si>
  <si>
    <t>チョウセンアザミ</t>
    <phoneticPr fontId="1"/>
  </si>
  <si>
    <t>Clitoria ternatea</t>
    <phoneticPr fontId="1"/>
  </si>
  <si>
    <t>ツウダツボク</t>
    <phoneticPr fontId="1"/>
  </si>
  <si>
    <t>カミヤツデ</t>
    <phoneticPr fontId="1"/>
  </si>
  <si>
    <t>ツボクサ</t>
    <phoneticPr fontId="1"/>
  </si>
  <si>
    <t>ツルマンネングサ</t>
    <phoneticPr fontId="1"/>
  </si>
  <si>
    <t>テガタチドリ</t>
    <phoneticPr fontId="1"/>
  </si>
  <si>
    <t>チドリソウ/シュショウジン</t>
    <phoneticPr fontId="1"/>
  </si>
  <si>
    <t>根</t>
    <phoneticPr fontId="1"/>
  </si>
  <si>
    <t>テンジクオウ</t>
    <phoneticPr fontId="1"/>
  </si>
  <si>
    <t>マダケ/青皮竹</t>
    <phoneticPr fontId="1"/>
  </si>
  <si>
    <t>茎</t>
    <phoneticPr fontId="1"/>
  </si>
  <si>
    <t>トウガシ</t>
    <phoneticPr fontId="1"/>
  </si>
  <si>
    <t>トウキンセンカ</t>
    <phoneticPr fontId="1"/>
  </si>
  <si>
    <t>トウチャ</t>
    <phoneticPr fontId="1"/>
  </si>
  <si>
    <t>トウホクオウギ</t>
    <phoneticPr fontId="1"/>
  </si>
  <si>
    <t>トウモロコシ</t>
    <phoneticPr fontId="1"/>
  </si>
  <si>
    <t xml:space="preserve">トウキビ/トウモロコシ油/ナンバンキビ/Zea mays </t>
    <phoneticPr fontId="1"/>
  </si>
  <si>
    <t>種子油・澱粉・花柱・柱頭</t>
    <phoneticPr fontId="1"/>
  </si>
  <si>
    <t>トーメンティル</t>
    <phoneticPr fontId="1"/>
  </si>
  <si>
    <t>タチキジムシロ/チシエンコン</t>
    <phoneticPr fontId="1"/>
  </si>
  <si>
    <t>トチノキ</t>
    <phoneticPr fontId="1"/>
  </si>
  <si>
    <t>トチュウ</t>
    <phoneticPr fontId="1"/>
  </si>
  <si>
    <t>Rubus coreanus</t>
    <phoneticPr fontId="1"/>
  </si>
  <si>
    <t>トラガント</t>
    <phoneticPr fontId="1"/>
  </si>
  <si>
    <t>Astragalus gummifer又はその同属植物（Leguminosae）の幹から得た分泌物</t>
    <phoneticPr fontId="1"/>
  </si>
  <si>
    <t>Abelmoschus manihot</t>
    <phoneticPr fontId="1"/>
  </si>
  <si>
    <t>ナガエカサ</t>
    <phoneticPr fontId="1"/>
  </si>
  <si>
    <t>ナギイカダ</t>
    <phoneticPr fontId="1"/>
  </si>
  <si>
    <t>ナットウ</t>
    <phoneticPr fontId="1"/>
  </si>
  <si>
    <t>ナツミカン</t>
    <phoneticPr fontId="1"/>
  </si>
  <si>
    <t>ナベナ</t>
    <phoneticPr fontId="1"/>
  </si>
  <si>
    <t>センゾクダン/ゾクダン/Dipsacus japonica/Dipsacus asperoides/Dipsacus asper</t>
    <phoneticPr fontId="1"/>
  </si>
  <si>
    <t>ナンサンソウ</t>
    <phoneticPr fontId="1"/>
  </si>
  <si>
    <t>ツルレイシ/Momordica charantia</t>
    <phoneticPr fontId="1"/>
  </si>
  <si>
    <t>ニクジュヨウ</t>
    <phoneticPr fontId="1"/>
  </si>
  <si>
    <t>オニク/キムラタケ/ホンオニク/Cistanche salsa/Boschniakia rossica（=Boschniakia glabra）</t>
    <phoneticPr fontId="1"/>
  </si>
  <si>
    <t>乳酸菌</t>
    <phoneticPr fontId="1"/>
  </si>
  <si>
    <t>Lactobacillus属/Streptococcus属</t>
    <phoneticPr fontId="1"/>
  </si>
  <si>
    <t>ニョテイ</t>
    <phoneticPr fontId="1"/>
  </si>
  <si>
    <t>ジョテイシ/タマツバキ/トウネズミモチ/ネズミモチ/Ligustrum japonicum/Ligustrum lucidum</t>
    <phoneticPr fontId="1"/>
  </si>
  <si>
    <t>ニラ</t>
    <phoneticPr fontId="1"/>
  </si>
  <si>
    <t>ヌルデ</t>
    <phoneticPr fontId="1"/>
  </si>
  <si>
    <t>ゴバイシ/Rhus javanica</t>
    <phoneticPr fontId="1"/>
  </si>
  <si>
    <t>ソウジツ/ソウシ/Allium fistulosum</t>
    <phoneticPr fontId="1"/>
  </si>
  <si>
    <t>ノアザミ</t>
    <phoneticPr fontId="1"/>
  </si>
  <si>
    <t>バアソブ</t>
    <phoneticPr fontId="1"/>
  </si>
  <si>
    <t>Codonopsis ussuriensis</t>
    <phoneticPr fontId="1"/>
  </si>
  <si>
    <t>果実・萼</t>
    <phoneticPr fontId="1"/>
  </si>
  <si>
    <t>ハカマウラボシ</t>
    <phoneticPr fontId="1"/>
  </si>
  <si>
    <t>骨砕補</t>
    <phoneticPr fontId="1"/>
  </si>
  <si>
    <t>ハス</t>
    <phoneticPr fontId="1"/>
  </si>
  <si>
    <t>ハチミツ</t>
    <phoneticPr fontId="1"/>
  </si>
  <si>
    <t>ハトムギ</t>
    <phoneticPr fontId="1"/>
  </si>
  <si>
    <t>ハナシュクシャ</t>
    <phoneticPr fontId="1"/>
  </si>
  <si>
    <t>ハハコグサ</t>
    <phoneticPr fontId="1"/>
  </si>
  <si>
    <t>ハマボウフウ</t>
    <phoneticPr fontId="1"/>
  </si>
  <si>
    <t>ハマメリス</t>
    <phoneticPr fontId="1"/>
  </si>
  <si>
    <t>Hamamelis virginiana</t>
    <phoneticPr fontId="1"/>
  </si>
  <si>
    <t>ハンゲショウ</t>
    <phoneticPr fontId="1"/>
  </si>
  <si>
    <t>カタシログサ/三白草</t>
    <phoneticPr fontId="1"/>
  </si>
  <si>
    <t>茎・葉</t>
    <phoneticPr fontId="1"/>
  </si>
  <si>
    <t>ヒナゲシ</t>
    <phoneticPr fontId="1"/>
  </si>
  <si>
    <t>Bifidobacterium属</t>
    <phoneticPr fontId="1"/>
  </si>
  <si>
    <t>ヒマワリ</t>
    <phoneticPr fontId="1"/>
  </si>
  <si>
    <t>ヒメウイキョウ</t>
    <phoneticPr fontId="1"/>
  </si>
  <si>
    <t>ヒメツルニチニチソウ</t>
    <phoneticPr fontId="1"/>
  </si>
  <si>
    <t>Albizia lebbeck</t>
    <phoneticPr fontId="1"/>
  </si>
  <si>
    <t>フジコブ菌が寄生し生じた瘤は「医」</t>
    <phoneticPr fontId="1"/>
  </si>
  <si>
    <t>ブドウ</t>
    <phoneticPr fontId="1"/>
  </si>
  <si>
    <t>ブラックプラム</t>
    <phoneticPr fontId="1"/>
  </si>
  <si>
    <t>ポルトガルプラム/パープルプラム</t>
    <phoneticPr fontId="1"/>
  </si>
  <si>
    <t>果実</t>
    <phoneticPr fontId="1"/>
  </si>
  <si>
    <t>フランスカイガンショウ</t>
    <phoneticPr fontId="1"/>
  </si>
  <si>
    <t>ベニバナ</t>
    <phoneticPr fontId="1"/>
  </si>
  <si>
    <t>管状花・種子油･種子</t>
    <rPh sb="8" eb="10">
      <t>シュシ</t>
    </rPh>
    <phoneticPr fontId="1"/>
  </si>
  <si>
    <t>ヘンズ</t>
    <phoneticPr fontId="1"/>
  </si>
  <si>
    <t>ボウシュウボク</t>
    <phoneticPr fontId="1"/>
  </si>
  <si>
    <t>ボスウェリア・セラータ</t>
    <phoneticPr fontId="1"/>
  </si>
  <si>
    <t>インド乳香/Boswellia serrata</t>
    <phoneticPr fontId="1"/>
  </si>
  <si>
    <t>Peucedanum japonicum</t>
    <phoneticPr fontId="1"/>
  </si>
  <si>
    <t>マツ</t>
    <phoneticPr fontId="1"/>
  </si>
  <si>
    <t>殻・殻皮・種子・樹脂・葉・樹皮</t>
    <phoneticPr fontId="1"/>
  </si>
  <si>
    <t>マンゴージンジャー</t>
    <phoneticPr fontId="1"/>
  </si>
  <si>
    <t>Curcuma amada</t>
    <phoneticPr fontId="1"/>
  </si>
  <si>
    <t>ミチヤナギ</t>
    <phoneticPr fontId="1"/>
  </si>
  <si>
    <t>ムラサキフトモモ</t>
    <phoneticPr fontId="1"/>
  </si>
  <si>
    <t>ジャンブル/Syzygium cumini</t>
    <phoneticPr fontId="1"/>
  </si>
  <si>
    <t>メナモミ</t>
    <phoneticPr fontId="1"/>
  </si>
  <si>
    <t xml:space="preserve">キケン/キレンソウ/ツクシメナモミ/Siegesbeckia pubescens/Siegesbeckia orientalis </t>
    <phoneticPr fontId="1"/>
  </si>
  <si>
    <t>メボウキ</t>
    <phoneticPr fontId="1"/>
  </si>
  <si>
    <t>メマツヨイグサ</t>
    <phoneticPr fontId="1"/>
  </si>
  <si>
    <t>メリッサ</t>
    <phoneticPr fontId="1"/>
  </si>
  <si>
    <t>モミジヒルガオ</t>
    <phoneticPr fontId="1"/>
  </si>
  <si>
    <t>五爪竜</t>
    <phoneticPr fontId="1"/>
  </si>
  <si>
    <t>モモ</t>
    <phoneticPr fontId="1"/>
  </si>
  <si>
    <t>モリアザミ</t>
    <phoneticPr fontId="1"/>
  </si>
  <si>
    <t>Acacia mearnsii</t>
    <phoneticPr fontId="1"/>
  </si>
  <si>
    <t>ヤクシマアジサイ</t>
    <phoneticPr fontId="1"/>
  </si>
  <si>
    <t>ヤグルマハッカ</t>
    <phoneticPr fontId="1"/>
  </si>
  <si>
    <t>ホースミント</t>
    <phoneticPr fontId="1"/>
  </si>
  <si>
    <t>葉</t>
    <phoneticPr fontId="1"/>
  </si>
  <si>
    <t>ヤシ</t>
    <phoneticPr fontId="1"/>
  </si>
  <si>
    <t>Carpesium abrotanoides</t>
    <phoneticPr fontId="1"/>
  </si>
  <si>
    <t>ヤマモモ</t>
    <phoneticPr fontId="1"/>
  </si>
  <si>
    <t>ヨウバイヒ/Myrica rubra</t>
    <phoneticPr fontId="1"/>
  </si>
  <si>
    <t>ヨウテイ</t>
    <phoneticPr fontId="1"/>
  </si>
  <si>
    <t>Dryobalanops aromatica</t>
    <phoneticPr fontId="1"/>
  </si>
  <si>
    <t>リンゴ酢</t>
    <phoneticPr fontId="1"/>
  </si>
  <si>
    <t>レイシ＜霊芝＞</t>
    <phoneticPr fontId="1"/>
  </si>
  <si>
    <t>レイシ＜茘枝＞</t>
    <phoneticPr fontId="1"/>
  </si>
  <si>
    <t>レンギョウ</t>
    <phoneticPr fontId="1"/>
  </si>
  <si>
    <t>連翹</t>
    <phoneticPr fontId="1"/>
  </si>
  <si>
    <t>果実は「医」</t>
    <phoneticPr fontId="1"/>
  </si>
  <si>
    <t>ワレモコウ</t>
    <phoneticPr fontId="1"/>
  </si>
  <si>
    <t xml:space="preserve">チユ/Sanguisorba officinalis </t>
    <phoneticPr fontId="1"/>
  </si>
  <si>
    <t>注１）　「名称」及び「他名等」の欄については、生薬名、一般名及び起源植物名等を記載している。</t>
    <phoneticPr fontId="1"/>
  </si>
  <si>
    <t>注２）　リストに掲載されている成分本質（原材料）のうち、該当する部位について、「部位等」の欄に記載している。</t>
    <phoneticPr fontId="1"/>
  </si>
  <si>
    <t>注４）　備考欄の「医」は「専ら医薬品として使用される成分本質（原材料）リスト」に掲載されていることを示す。</t>
    <phoneticPr fontId="1"/>
  </si>
  <si>
    <t>Musa　acuminate（Cavendish種）</t>
    <phoneticPr fontId="1"/>
  </si>
  <si>
    <t>成熟した果実の果皮</t>
    <phoneticPr fontId="1"/>
  </si>
  <si>
    <t>バナナ</t>
    <phoneticPr fontId="1"/>
  </si>
  <si>
    <t>果皮</t>
    <rPh sb="0" eb="2">
      <t>カヒ</t>
    </rPh>
    <phoneticPr fontId="1"/>
  </si>
  <si>
    <t>マンゴスチン</t>
    <phoneticPr fontId="1"/>
  </si>
  <si>
    <t>アスタキサンチン</t>
    <phoneticPr fontId="1"/>
  </si>
  <si>
    <t>イオウ</t>
    <phoneticPr fontId="1"/>
  </si>
  <si>
    <t>sn-グリセロ（３）ホスホコリン</t>
    <phoneticPr fontId="1"/>
  </si>
  <si>
    <t>L-α-グリセリルホスホリルコリン/sn-Glycero(3) phosphocholine</t>
    <phoneticPr fontId="1"/>
  </si>
  <si>
    <t>L-カルニチン</t>
    <phoneticPr fontId="1"/>
  </si>
  <si>
    <t>L-Citrulline</t>
    <phoneticPr fontId="1"/>
  </si>
  <si>
    <t>グルコサミン塩酸塩</t>
    <phoneticPr fontId="1"/>
  </si>
  <si>
    <t>グルコマンナン</t>
    <phoneticPr fontId="1"/>
  </si>
  <si>
    <t>コンドロムコタンパク</t>
    <phoneticPr fontId="1"/>
  </si>
  <si>
    <t>植物性酵素・果汁酵素</t>
    <phoneticPr fontId="1"/>
  </si>
  <si>
    <t>スーパーオキシドディスムターゼ＜ＳＯＤ＞</t>
    <phoneticPr fontId="1"/>
  </si>
  <si>
    <t>D-chiro-イノシトール</t>
    <phoneticPr fontId="1"/>
  </si>
  <si>
    <t>鉄クロロフィリンナトリウム</t>
    <phoneticPr fontId="1"/>
  </si>
  <si>
    <t>ドコサヘキサエン酸＜ＤＨＡ＞</t>
    <phoneticPr fontId="1"/>
  </si>
  <si>
    <t>ドロマイト鉱石</t>
    <phoneticPr fontId="1"/>
  </si>
  <si>
    <t>トレハロース</t>
    <phoneticPr fontId="1"/>
  </si>
  <si>
    <t>ビス-３-ヒドロキシ-３-メチルブチレートモノハイドレート</t>
    <phoneticPr fontId="1"/>
  </si>
  <si>
    <t>Bis(3-hydroxy-3-methylbutyrate)monohydrate/3-Hydroxy-3-methylbutyric acid＜HMB＞</t>
    <phoneticPr fontId="1"/>
  </si>
  <si>
    <t>ビタミンＢ12</t>
    <phoneticPr fontId="1"/>
  </si>
  <si>
    <t>ビタミンＫ</t>
    <phoneticPr fontId="1"/>
  </si>
  <si>
    <t>４－ヒドロキシプロリン</t>
    <phoneticPr fontId="1"/>
  </si>
  <si>
    <t>3-(4-Hydroxy-3-methoxyphenyl)-2-propenoic acid</t>
    <phoneticPr fontId="1"/>
  </si>
  <si>
    <t>プルラン</t>
    <phoneticPr fontId="1"/>
  </si>
  <si>
    <t>プロアントシアニジン</t>
    <phoneticPr fontId="1"/>
  </si>
  <si>
    <t>ヘマトコッカス藻色素</t>
    <phoneticPr fontId="1"/>
  </si>
  <si>
    <t>ホスファチジルセリン</t>
    <phoneticPr fontId="1"/>
  </si>
  <si>
    <t>リグナン</t>
    <phoneticPr fontId="1"/>
  </si>
  <si>
    <t>レシチン</t>
    <phoneticPr fontId="1"/>
  </si>
  <si>
    <t>注１）　リストに掲載されている成分本質（原材料）のうち、該当する部位について、「部位等」の欄に記載している。</t>
    <phoneticPr fontId="1"/>
  </si>
  <si>
    <t>　　　記載している。</t>
    <phoneticPr fontId="1"/>
  </si>
  <si>
    <t>クレアチン・エチルエステル塩酸塩</t>
    <rPh sb="13" eb="15">
      <t>エンサン</t>
    </rPh>
    <rPh sb="15" eb="16">
      <t>エン</t>
    </rPh>
    <phoneticPr fontId="1"/>
  </si>
  <si>
    <t>N-オクチルノルタダラフィル</t>
    <phoneticPr fontId="1"/>
  </si>
  <si>
    <t>Methisosildenafil</t>
    <phoneticPr fontId="1"/>
  </si>
  <si>
    <t>Garcinia mangostana</t>
    <phoneticPr fontId="1"/>
  </si>
  <si>
    <t>チオアイルデナフィル</t>
    <phoneticPr fontId="1"/>
  </si>
  <si>
    <t>Thioaildenafil</t>
    <phoneticPr fontId="1"/>
  </si>
  <si>
    <t>茎・葉・葉の精油・花（蕾を含む）</t>
    <rPh sb="9" eb="10">
      <t>ハナ</t>
    </rPh>
    <rPh sb="11" eb="12">
      <t>ツボミ</t>
    </rPh>
    <rPh sb="13" eb="14">
      <t>フク</t>
    </rPh>
    <phoneticPr fontId="1"/>
  </si>
  <si>
    <t>ウィザニア</t>
    <phoneticPr fontId="1"/>
  </si>
  <si>
    <t>アシュワガンダ</t>
    <phoneticPr fontId="1"/>
  </si>
  <si>
    <t>ヒスイカク</t>
    <phoneticPr fontId="1"/>
  </si>
  <si>
    <t>シッサス・クアドラン
グラリス</t>
    <phoneticPr fontId="1"/>
  </si>
  <si>
    <t>シャタバリ</t>
    <phoneticPr fontId="1"/>
  </si>
  <si>
    <t>地下部</t>
    <rPh sb="0" eb="2">
      <t>チカ</t>
    </rPh>
    <rPh sb="2" eb="3">
      <t>ブ</t>
    </rPh>
    <phoneticPr fontId="1"/>
  </si>
  <si>
    <t>フーディア・ゴード
ニー</t>
    <phoneticPr fontId="1"/>
  </si>
  <si>
    <t>マグノフロリン</t>
    <phoneticPr fontId="1"/>
  </si>
  <si>
    <t>Magnoflorine</t>
    <phoneticPr fontId="1"/>
  </si>
  <si>
    <t>ヒドロキシホンデナフィ
ル</t>
    <phoneticPr fontId="1"/>
  </si>
  <si>
    <t>オロト酸</t>
    <rPh sb="3" eb="4">
      <t>サン</t>
    </rPh>
    <phoneticPr fontId="1"/>
  </si>
  <si>
    <t>葉は「非医」</t>
    <rPh sb="0" eb="1">
      <t>ハ</t>
    </rPh>
    <rPh sb="3" eb="5">
      <t>ヒイ</t>
    </rPh>
    <phoneticPr fontId="1"/>
  </si>
  <si>
    <t>トウキ</t>
    <phoneticPr fontId="1"/>
  </si>
  <si>
    <t>根は「医」</t>
    <rPh sb="0" eb="1">
      <t>ネ</t>
    </rPh>
    <phoneticPr fontId="1"/>
  </si>
  <si>
    <t>茎・葉・根・根茎</t>
    <rPh sb="0" eb="1">
      <t>クキ</t>
    </rPh>
    <rPh sb="2" eb="3">
      <t>ハ</t>
    </rPh>
    <rPh sb="4" eb="5">
      <t>ネ</t>
    </rPh>
    <rPh sb="6" eb="8">
      <t>コンケイ</t>
    </rPh>
    <phoneticPr fontId="1"/>
  </si>
  <si>
    <t>kawakawa</t>
    <phoneticPr fontId="1"/>
  </si>
  <si>
    <t>カバは「医」</t>
    <rPh sb="4" eb="5">
      <t>イ</t>
    </rPh>
    <phoneticPr fontId="1"/>
  </si>
  <si>
    <t>Macropiper excelsum</t>
    <phoneticPr fontId="1"/>
  </si>
  <si>
    <t>kawakawaは「医」</t>
    <rPh sb="10" eb="11">
      <t>イ</t>
    </rPh>
    <phoneticPr fontId="1"/>
  </si>
  <si>
    <t>ムタプロデナフィル</t>
  </si>
  <si>
    <t xml:space="preserve">Mutaprodenafil </t>
  </si>
  <si>
    <t>アフリカマンゴノキ</t>
  </si>
  <si>
    <t>クロマメノキ</t>
  </si>
  <si>
    <t>バオバブ</t>
  </si>
  <si>
    <t>アフリカバオバブ</t>
  </si>
  <si>
    <t>ブラックジンジャー</t>
  </si>
  <si>
    <t>Kaempferia parviflora</t>
  </si>
  <si>
    <t>ヘリクリサム・イタリカム</t>
  </si>
  <si>
    <t>カレープラント</t>
  </si>
  <si>
    <t>葉・茎</t>
  </si>
  <si>
    <t>ポリポディウム・レウコトモス</t>
  </si>
  <si>
    <t>Polypodium leucotomos</t>
  </si>
  <si>
    <t>レモンマートル</t>
  </si>
  <si>
    <t>虫瘻</t>
    <phoneticPr fontId="1"/>
  </si>
  <si>
    <t>５－アミノレブリン酸リン酸塩</t>
  </si>
  <si>
    <t>5-Aminolevulinic acid・phosphate</t>
  </si>
  <si>
    <t>コリン安定化オルトケイ酸</t>
  </si>
  <si>
    <t>Choline-stabilised orthosilicic acid</t>
  </si>
  <si>
    <t>ピロロキノリンキノン二ナトリウム塩</t>
  </si>
  <si>
    <t>trans-レスベラトロール</t>
  </si>
  <si>
    <t>バビンロウ/マビンロウ/Capparis masaikai</t>
    <phoneticPr fontId="1"/>
  </si>
  <si>
    <t>Ｎ－アセチルグルコサミン</t>
    <phoneticPr fontId="1"/>
  </si>
  <si>
    <t>塊根・茎・葉</t>
    <phoneticPr fontId="1"/>
  </si>
  <si>
    <t>カバカバ/シャカオ</t>
    <phoneticPr fontId="1"/>
  </si>
  <si>
    <t>インディアンマルベリー/ノニ</t>
    <phoneticPr fontId="1"/>
  </si>
  <si>
    <t>果実・種子・葉</t>
    <phoneticPr fontId="1"/>
  </si>
  <si>
    <t>Orotic acid/1,2,3,6-tetrahydro-2,6-dioxo-4-pyrimidinecarboxylic acid</t>
    <phoneticPr fontId="1"/>
  </si>
  <si>
    <t>部　　位　　等</t>
  </si>
  <si>
    <t>オボノ/アポン（種子）/ティカナッツ/ブッシュマンゴー/ワイルドマンゴー</t>
    <phoneticPr fontId="1"/>
  </si>
  <si>
    <t>ペドラ・ウマ・カア/ペドラ・ウメカ</t>
    <phoneticPr fontId="1"/>
  </si>
  <si>
    <t>アセチルデナフィル/
Hongdenafil/Acetildenafil</t>
    <phoneticPr fontId="1"/>
  </si>
  <si>
    <t>ピペリデナフィル/
Pseudovardenafil/
Piperidenafil</t>
    <phoneticPr fontId="1"/>
  </si>
  <si>
    <t xml:space="preserve">種子・葉・花・クズ澱粉・蔓
</t>
    <rPh sb="12" eb="13">
      <t>ツル</t>
    </rPh>
    <phoneticPr fontId="1"/>
  </si>
  <si>
    <t>Angelica pubescens/Angelica　bisserata</t>
    <phoneticPr fontId="1"/>
  </si>
  <si>
    <t>Crataegus oxyacantha/Crataegus laevigata/Crataegus monogyna</t>
    <phoneticPr fontId="1"/>
  </si>
  <si>
    <t>ヘチマ</t>
    <phoneticPr fontId="1"/>
  </si>
  <si>
    <t>光合成細菌（ロドバクター・セファロイデス）の生成したもの</t>
  </si>
  <si>
    <t>根茎は「医」、シシウド（Angelica pubescens/Angelica　bisserata）の根茎・軟化茎は「非医」</t>
    <rPh sb="51" eb="53">
      <t>コンケイ</t>
    </rPh>
    <rPh sb="54" eb="56">
      <t>ナンカ</t>
    </rPh>
    <rPh sb="56" eb="57">
      <t>ケイ</t>
    </rPh>
    <rPh sb="59" eb="60">
      <t>ヒ</t>
    </rPh>
    <rPh sb="60" eb="61">
      <t>イ</t>
    </rPh>
    <phoneticPr fontId="1"/>
  </si>
  <si>
    <t>エンメイソウ</t>
    <phoneticPr fontId="1"/>
  </si>
  <si>
    <t>根茎</t>
    <phoneticPr fontId="1"/>
  </si>
  <si>
    <t>カントウタンポポ</t>
    <phoneticPr fontId="1"/>
  </si>
  <si>
    <t>菌糸体</t>
    <phoneticPr fontId="1"/>
  </si>
  <si>
    <t>アントロディア　カンフォラタ</t>
    <phoneticPr fontId="1"/>
  </si>
  <si>
    <t>Antrodia camphorata</t>
    <phoneticPr fontId="1"/>
  </si>
  <si>
    <t>子実体（胞子を含む）</t>
    <rPh sb="4" eb="6">
      <t>ホウシ</t>
    </rPh>
    <rPh sb="7" eb="8">
      <t>フク</t>
    </rPh>
    <phoneticPr fontId="1"/>
  </si>
  <si>
    <t>カンフル</t>
    <phoneticPr fontId="1"/>
  </si>
  <si>
    <t>クスノキから得られた精油</t>
    <phoneticPr fontId="1"/>
  </si>
  <si>
    <t>藻体</t>
    <rPh sb="0" eb="1">
      <t>ソウ</t>
    </rPh>
    <rPh sb="1" eb="2">
      <t>タイ</t>
    </rPh>
    <phoneticPr fontId="1"/>
  </si>
  <si>
    <t>hEGF</t>
    <phoneticPr fontId="1"/>
  </si>
  <si>
    <t>N-アセチルシステイン</t>
    <phoneticPr fontId="1"/>
  </si>
  <si>
    <t>ヒカゲキセワタ</t>
    <phoneticPr fontId="1"/>
  </si>
  <si>
    <t>Phlomis umbrosa</t>
    <phoneticPr fontId="1"/>
  </si>
  <si>
    <t>レモン</t>
    <phoneticPr fontId="1"/>
  </si>
  <si>
    <t>乾燥物を茶として煎じる場合又は熱水抽出物の残渣に限る</t>
    <rPh sb="0" eb="2">
      <t>カンソウ</t>
    </rPh>
    <rPh sb="2" eb="3">
      <t>ブツ</t>
    </rPh>
    <rPh sb="4" eb="5">
      <t>チャ</t>
    </rPh>
    <rPh sb="8" eb="9">
      <t>セン</t>
    </rPh>
    <rPh sb="11" eb="13">
      <t>バアイ</t>
    </rPh>
    <rPh sb="13" eb="14">
      <t>マタ</t>
    </rPh>
    <rPh sb="15" eb="17">
      <t>ネッスイ</t>
    </rPh>
    <rPh sb="17" eb="20">
      <t>チュウシュツブツ</t>
    </rPh>
    <rPh sb="21" eb="23">
      <t>ザンサ</t>
    </rPh>
    <rPh sb="24" eb="25">
      <t>カギ</t>
    </rPh>
    <phoneticPr fontId="1"/>
  </si>
  <si>
    <t>N-アセチル-L-システイン/アセチルシステイン</t>
    <phoneticPr fontId="1"/>
  </si>
  <si>
    <t>葉の場合は、ジュズダマ/ヨクイニン/ヨクベイは除く</t>
    <rPh sb="0" eb="1">
      <t>ハ</t>
    </rPh>
    <rPh sb="2" eb="4">
      <t>バアイ</t>
    </rPh>
    <rPh sb="23" eb="24">
      <t>ノゾ</t>
    </rPh>
    <phoneticPr fontId="1"/>
  </si>
  <si>
    <t>ジュズダマ/ヨクイニン/ヨクベイ</t>
    <phoneticPr fontId="1"/>
  </si>
  <si>
    <t>ヒト上皮細胞増殖因子</t>
    <rPh sb="2" eb="4">
      <t>ジョウヒ</t>
    </rPh>
    <rPh sb="4" eb="6">
      <t>サイボウ</t>
    </rPh>
    <rPh sb="6" eb="8">
      <t>ゾウショク</t>
    </rPh>
    <rPh sb="8" eb="10">
      <t>インシ</t>
    </rPh>
    <phoneticPr fontId="1"/>
  </si>
  <si>
    <t>ATP</t>
    <phoneticPr fontId="1"/>
  </si>
  <si>
    <t>アデノシン-5’-三リン酸</t>
    <phoneticPr fontId="1"/>
  </si>
  <si>
    <t>ジメチルジチオデナフィル</t>
    <phoneticPr fontId="1"/>
  </si>
  <si>
    <t>Dimethyldithiodenafil</t>
    <phoneticPr fontId="1"/>
  </si>
  <si>
    <t>種子・種子エキス・種子油・葉</t>
    <rPh sb="13" eb="14">
      <t>ハ</t>
    </rPh>
    <phoneticPr fontId="1"/>
  </si>
  <si>
    <t>オオボウシバナ</t>
    <phoneticPr fontId="1"/>
  </si>
  <si>
    <t>アオバナ/ツキクサ/ジゴクバナ/Commelina communis L. var. hortensis Makino</t>
    <phoneticPr fontId="1"/>
  </si>
  <si>
    <t>地上部（種子を除く）</t>
    <phoneticPr fontId="1"/>
  </si>
  <si>
    <t>ヨーロッパナラ</t>
    <phoneticPr fontId="1"/>
  </si>
  <si>
    <t>Quercus robur</t>
    <phoneticPr fontId="1"/>
  </si>
  <si>
    <t>心材（髄を除く）</t>
    <phoneticPr fontId="1"/>
  </si>
  <si>
    <t>セイヨウジュウニヒトエ</t>
    <phoneticPr fontId="1"/>
  </si>
  <si>
    <t>Ajuga reptans L.</t>
    <phoneticPr fontId="1"/>
  </si>
  <si>
    <t>茎葉部</t>
    <phoneticPr fontId="1"/>
  </si>
  <si>
    <t>N-アセチルノイラミン酸</t>
    <phoneticPr fontId="1"/>
  </si>
  <si>
    <r>
      <t>脱</t>
    </r>
    <r>
      <rPr>
        <i/>
        <sz val="14"/>
        <rFont val="ＭＳ Ｐ明朝"/>
        <family val="1"/>
        <charset val="128"/>
      </rPr>
      <t>Ｎ</t>
    </r>
    <r>
      <rPr>
        <sz val="14"/>
        <rFont val="ＭＳ Ｐ明朝"/>
        <family val="1"/>
        <charset val="128"/>
      </rPr>
      <t>,</t>
    </r>
    <r>
      <rPr>
        <i/>
        <sz val="14"/>
        <rFont val="ＭＳ Ｐ明朝"/>
        <family val="1"/>
        <charset val="128"/>
      </rPr>
      <t>Ｎ</t>
    </r>
    <r>
      <rPr>
        <sz val="14"/>
        <rFont val="ＭＳ Ｐ明朝"/>
        <family val="1"/>
        <charset val="128"/>
      </rPr>
      <t>-ジメチルシブトラミン</t>
    </r>
    <rPh sb="0" eb="1">
      <t>ダツ</t>
    </rPh>
    <phoneticPr fontId="1"/>
  </si>
  <si>
    <t>果肉・葉・豆・莢</t>
    <phoneticPr fontId="1"/>
  </si>
  <si>
    <r>
      <t>イコサペント酸</t>
    </r>
    <r>
      <rPr>
        <sz val="12"/>
        <rFont val="ＭＳ Ｐ明朝"/>
        <family val="1"/>
        <charset val="128"/>
      </rPr>
      <t>＜ＥＰＡ＞</t>
    </r>
    <phoneticPr fontId="1"/>
  </si>
  <si>
    <t>Gendenafil</t>
    <phoneticPr fontId="1"/>
  </si>
  <si>
    <t>シデリティス・スカルディカ</t>
  </si>
  <si>
    <t>Sideritis scardica</t>
  </si>
  <si>
    <t>ナガミノアマナズナ</t>
  </si>
  <si>
    <t>Camelina sativa</t>
  </si>
  <si>
    <t>ホモタダラフィル</t>
  </si>
  <si>
    <t>Homotadalafil</t>
  </si>
  <si>
    <t>ムラサキムカシヨモギ</t>
    <phoneticPr fontId="1"/>
  </si>
  <si>
    <t>ヤンバルヒゴタイ/Vernonia cinerea</t>
    <phoneticPr fontId="1"/>
  </si>
  <si>
    <t>地上部</t>
    <rPh sb="0" eb="2">
      <t>チジョウ</t>
    </rPh>
    <rPh sb="2" eb="3">
      <t>ブ</t>
    </rPh>
    <phoneticPr fontId="1"/>
  </si>
  <si>
    <t>乾燥物を茶として煎じる場合に限る</t>
    <phoneticPr fontId="1"/>
  </si>
  <si>
    <t>茎・葉・花</t>
    <phoneticPr fontId="1"/>
  </si>
  <si>
    <t>可食肉部からエタノール抽出して濃縮したもの・胃の内壁（ケイナイキン）</t>
    <phoneticPr fontId="1"/>
  </si>
  <si>
    <t>3-アミノプロパン酸</t>
  </si>
  <si>
    <t>β‐アラニン</t>
  </si>
  <si>
    <t>2-フコシルラクトース</t>
    <phoneticPr fontId="1"/>
  </si>
  <si>
    <t>ホタテ</t>
  </si>
  <si>
    <t>貝殻</t>
  </si>
  <si>
    <t>カイソウ＜海藻＞</t>
    <phoneticPr fontId="1"/>
  </si>
  <si>
    <t>子実体及びその寄主であるセミ類やコウモリガ科の幼虫を乾燥したもの</t>
    <rPh sb="21" eb="22">
      <t>カ</t>
    </rPh>
    <phoneticPr fontId="1"/>
  </si>
  <si>
    <t>デスカルボンシルデナフィル</t>
  </si>
  <si>
    <t>Descarbonsildenafil</t>
  </si>
  <si>
    <t>カイソウ＜海藻＞の全藻は「非医」</t>
    <rPh sb="5" eb="7">
      <t>カイソウ</t>
    </rPh>
    <phoneticPr fontId="1"/>
  </si>
  <si>
    <t>鱗茎</t>
    <rPh sb="0" eb="2">
      <t>リンケイ</t>
    </rPh>
    <phoneticPr fontId="1"/>
  </si>
  <si>
    <r>
      <t>モウオウレン</t>
    </r>
    <r>
      <rPr>
        <sz val="14"/>
        <color indexed="8"/>
        <rFont val="ＭＳ Ｐ明朝"/>
        <family val="1"/>
        <charset val="128"/>
      </rPr>
      <t/>
    </r>
    <phoneticPr fontId="1"/>
  </si>
  <si>
    <r>
      <t>Acetil acid/                                                                                                                                                                    4-ethoxy-3-(1-methyl-7-oxo-3-propyl-6,7-dihydro-1</t>
    </r>
    <r>
      <rPr>
        <i/>
        <sz val="14"/>
        <rFont val="ＭＳ Ｐ明朝"/>
        <family val="1"/>
        <charset val="128"/>
      </rPr>
      <t>H</t>
    </r>
    <r>
      <rPr>
        <sz val="14"/>
        <rFont val="ＭＳ Ｐ明朝"/>
        <family val="1"/>
        <charset val="128"/>
      </rPr>
      <t>-pyrazolo[4,3-</t>
    </r>
    <r>
      <rPr>
        <i/>
        <sz val="14"/>
        <rFont val="ＭＳ Ｐ明朝"/>
        <family val="1"/>
        <charset val="128"/>
      </rPr>
      <t>d</t>
    </r>
    <r>
      <rPr>
        <sz val="14"/>
        <rFont val="ＭＳ Ｐ明朝"/>
        <family val="1"/>
        <charset val="128"/>
      </rPr>
      <t>]pyrimidin-5-yl)benzoic acid</t>
    </r>
    <phoneticPr fontId="1"/>
  </si>
  <si>
    <r>
      <t>Des-</t>
    </r>
    <r>
      <rPr>
        <i/>
        <sz val="14"/>
        <rFont val="ＭＳ Ｐ明朝"/>
        <family val="1"/>
        <charset val="128"/>
      </rPr>
      <t>N</t>
    </r>
    <r>
      <rPr>
        <sz val="14"/>
        <rFont val="ＭＳ Ｐ明朝"/>
        <family val="1"/>
        <charset val="128"/>
      </rPr>
      <t>,</t>
    </r>
    <r>
      <rPr>
        <i/>
        <sz val="14"/>
        <rFont val="ＭＳ Ｐ明朝"/>
        <family val="1"/>
        <charset val="128"/>
      </rPr>
      <t>N</t>
    </r>
    <r>
      <rPr>
        <sz val="14"/>
        <rFont val="ＭＳ Ｐ明朝"/>
        <family val="1"/>
        <charset val="128"/>
      </rPr>
      <t>-dimethyl-sibutramine</t>
    </r>
    <phoneticPr fontId="1"/>
  </si>
  <si>
    <r>
      <t>Des-</t>
    </r>
    <r>
      <rPr>
        <i/>
        <sz val="14"/>
        <rFont val="ＭＳ Ｐ明朝"/>
        <family val="1"/>
        <charset val="128"/>
      </rPr>
      <t>N</t>
    </r>
    <r>
      <rPr>
        <sz val="14"/>
        <rFont val="ＭＳ Ｐ明朝"/>
        <family val="1"/>
        <charset val="128"/>
      </rPr>
      <t>-methyl-sibutramine</t>
    </r>
    <phoneticPr fontId="1"/>
  </si>
  <si>
    <r>
      <t xml:space="preserve">Ethyl </t>
    </r>
    <r>
      <rPr>
        <i/>
        <sz val="14"/>
        <rFont val="ＭＳ Ｐ明朝"/>
        <family val="1"/>
        <charset val="128"/>
      </rPr>
      <t>N</t>
    </r>
    <r>
      <rPr>
        <sz val="14"/>
        <rFont val="ＭＳ Ｐ明朝"/>
        <family val="1"/>
        <charset val="128"/>
      </rPr>
      <t>-(aminoiminomethyl)-</t>
    </r>
    <r>
      <rPr>
        <i/>
        <sz val="14"/>
        <rFont val="ＭＳ Ｐ明朝"/>
        <family val="1"/>
        <charset val="128"/>
      </rPr>
      <t>N</t>
    </r>
    <r>
      <rPr>
        <sz val="14"/>
        <rFont val="ＭＳ Ｐ明朝"/>
        <family val="1"/>
        <charset val="128"/>
      </rPr>
      <t>-methylglycine Hydrochloride</t>
    </r>
    <phoneticPr fontId="1"/>
  </si>
  <si>
    <r>
      <rPr>
        <i/>
        <sz val="14"/>
        <rFont val="ＭＳ Ｐ明朝"/>
        <family val="1"/>
        <charset val="128"/>
      </rPr>
      <t>E</t>
    </r>
    <r>
      <rPr>
        <sz val="14"/>
        <rFont val="ＭＳ Ｐ明朝"/>
        <family val="1"/>
        <charset val="128"/>
      </rPr>
      <t>-レスベラトロール</t>
    </r>
    <phoneticPr fontId="1"/>
  </si>
  <si>
    <t>エンベリア</t>
    <phoneticPr fontId="1"/>
  </si>
  <si>
    <t>果実</t>
    <rPh sb="0" eb="2">
      <t>カジツ</t>
    </rPh>
    <phoneticPr fontId="1"/>
  </si>
  <si>
    <t>カイコウズ</t>
    <phoneticPr fontId="1"/>
  </si>
  <si>
    <t>全草</t>
    <rPh sb="0" eb="2">
      <t>ゼンソウ</t>
    </rPh>
    <phoneticPr fontId="1"/>
  </si>
  <si>
    <t>カンレンボク</t>
    <phoneticPr fontId="1"/>
  </si>
  <si>
    <t>キジュ</t>
    <phoneticPr fontId="1"/>
  </si>
  <si>
    <t>クジチョウ</t>
    <phoneticPr fontId="1"/>
  </si>
  <si>
    <t>ケイコツソウ</t>
    <phoneticPr fontId="1"/>
  </si>
  <si>
    <t>ハナビシソウ</t>
    <phoneticPr fontId="1"/>
  </si>
  <si>
    <t>ヒヨドリジョウゴ</t>
    <phoneticPr fontId="1"/>
  </si>
  <si>
    <t>ハクエイ/ハクモウトウ</t>
    <phoneticPr fontId="1"/>
  </si>
  <si>
    <t>根</t>
    <rPh sb="0" eb="1">
      <t>ネ</t>
    </rPh>
    <phoneticPr fontId="1"/>
  </si>
  <si>
    <t>地上部は「非医」</t>
    <rPh sb="0" eb="3">
      <t>チジョウブ</t>
    </rPh>
    <rPh sb="5" eb="6">
      <t>ヒ</t>
    </rPh>
    <rPh sb="6" eb="7">
      <t>イ</t>
    </rPh>
    <phoneticPr fontId="1"/>
  </si>
  <si>
    <t>根は「医」</t>
    <rPh sb="0" eb="1">
      <t>ネ</t>
    </rPh>
    <phoneticPr fontId="1"/>
  </si>
  <si>
    <t>β-ニコチンアミドモノヌクレオチド</t>
  </si>
  <si>
    <t>Nicotinamide mononucleotide、NMN</t>
  </si>
  <si>
    <t>テフ</t>
  </si>
  <si>
    <t>Tef、Teff</t>
  </si>
  <si>
    <t>ニコチンアミドリボシドクロライド</t>
  </si>
  <si>
    <t>Nicotinamide riboside chloride</t>
  </si>
  <si>
    <t>（別添１）</t>
    <phoneticPr fontId="1"/>
  </si>
  <si>
    <t>（別添２）</t>
    <phoneticPr fontId="1"/>
  </si>
  <si>
    <t>ビンロウ/ビンロウジ</t>
    <phoneticPr fontId="1"/>
  </si>
  <si>
    <t>果皮・種子</t>
    <rPh sb="3" eb="5">
      <t>シュシ</t>
    </rPh>
    <phoneticPr fontId="1"/>
  </si>
  <si>
    <t>コジン</t>
    <phoneticPr fontId="1"/>
  </si>
  <si>
    <t>コゴメグサ</t>
    <phoneticPr fontId="1"/>
  </si>
  <si>
    <t>コショウ</t>
    <phoneticPr fontId="1"/>
  </si>
  <si>
    <t>センソウ＜茜草＞の根は「医」</t>
    <phoneticPr fontId="1"/>
  </si>
  <si>
    <t>茎(フジコブ菌が寄生し生じた瘤以外）</t>
    <phoneticPr fontId="1"/>
  </si>
  <si>
    <t>コウカ/サフラワー/ベニバナ油/Carthamus tinctorius</t>
    <phoneticPr fontId="1"/>
  </si>
  <si>
    <t>メロンペア/Solanum　muricatum</t>
    <phoneticPr fontId="1"/>
  </si>
  <si>
    <t>種子・種皮・根・葉・花・つる</t>
    <phoneticPr fontId="1"/>
  </si>
  <si>
    <t>樹脂</t>
    <phoneticPr fontId="1"/>
  </si>
  <si>
    <t>カイショウシ/ショウボクヒ/マツノミ/マツバ/マツヤニ</t>
    <phoneticPr fontId="1"/>
  </si>
  <si>
    <t>Phytolacca esculentaの根は「医」</t>
    <phoneticPr fontId="1"/>
  </si>
  <si>
    <t>パープルコーンフラワー/プルプレア/ムラサキバレンギク</t>
    <phoneticPr fontId="1"/>
  </si>
  <si>
    <t>キバナオウギ/ナイモウオウギ</t>
    <phoneticPr fontId="1"/>
  </si>
  <si>
    <t>セイヨウグルミ/ペルシャグルミ</t>
    <phoneticPr fontId="1"/>
  </si>
  <si>
    <t>蛹・死んだ幼虫・成虫・糞便・繭・幼虫の抜殻・卵殻</t>
    <phoneticPr fontId="1"/>
  </si>
  <si>
    <t>アンズ/クキョウニン/ホンアンズ</t>
    <phoneticPr fontId="1"/>
  </si>
  <si>
    <t>種子・葉・花・クズ澱粉は「非医」</t>
    <phoneticPr fontId="1"/>
  </si>
  <si>
    <t>古代哺乳動物の骨の化石</t>
    <phoneticPr fontId="1"/>
  </si>
  <si>
    <t>コバノトネリコ/トネリコ/Fraxinus lanuginosa/Fraxinus japonica</t>
    <phoneticPr fontId="1"/>
  </si>
  <si>
    <t>ガマ・ヒメガマ以外の花粉</t>
    <phoneticPr fontId="1"/>
  </si>
  <si>
    <t>ガマ・ヒメガマの花粉は「医」</t>
    <phoneticPr fontId="1"/>
  </si>
  <si>
    <t>ジメチルジチオノルカルボデナフィル</t>
    <phoneticPr fontId="1"/>
  </si>
  <si>
    <t>Dimetyldithionorcarbodenafil</t>
    <phoneticPr fontId="1"/>
  </si>
  <si>
    <t>ノルカルボデナフィル</t>
    <phoneticPr fontId="1"/>
  </si>
  <si>
    <t>ノルタダラフィル</t>
    <phoneticPr fontId="1"/>
  </si>
  <si>
    <t>Norcarbodenafil</t>
    <phoneticPr fontId="1"/>
  </si>
  <si>
    <t>Nortadalafil</t>
    <phoneticPr fontId="1"/>
  </si>
  <si>
    <t>プロポキシフェニルノルアセチルデナフィル</t>
    <phoneticPr fontId="1"/>
  </si>
  <si>
    <t>Propoxyphenylnoracetildenafil</t>
    <phoneticPr fontId="1"/>
  </si>
  <si>
    <t>ゼラニウム ディエルシアナム</t>
    <phoneticPr fontId="1"/>
  </si>
  <si>
    <t>Geranium dielsianum</t>
    <phoneticPr fontId="1"/>
  </si>
  <si>
    <t>タマラニッケイ</t>
    <phoneticPr fontId="1"/>
  </si>
  <si>
    <t>Cinnamomum tamala</t>
    <phoneticPr fontId="1"/>
  </si>
  <si>
    <t>葉</t>
    <rPh sb="0" eb="1">
      <t>ハ</t>
    </rPh>
    <phoneticPr fontId="1"/>
  </si>
  <si>
    <t>N-アセチル-α-D-ノイラミニル-(2→3)-β-D-ガラクトピラノシル-(1→4)-D-グルコースナトリウム塩</t>
    <phoneticPr fontId="1"/>
  </si>
  <si>
    <t>N-アセチル-α-D-ノイラミニル-(2→6)-β-D-ガラクトピラノシル-(1→4)-D-グルコースナトリウム塩</t>
    <phoneticPr fontId="1"/>
  </si>
  <si>
    <t>Sodium salt of N-Acetyl-α-D-neuraminyl-(2→3)-β-D-galactopyranosyl-(1→4)-D-glucose</t>
    <phoneticPr fontId="1"/>
  </si>
  <si>
    <t>Sodium salt of N-Acetyl-α-D-neuraminyl-(2→6)-β-D-galactopyranosyl-(1→4)-D-glucose</t>
    <phoneticPr fontId="1"/>
  </si>
  <si>
    <t>アポエクオリン</t>
    <phoneticPr fontId="1"/>
  </si>
  <si>
    <t>ウシ/シカ/ブタ</t>
    <phoneticPr fontId="1"/>
  </si>
  <si>
    <r>
      <rPr>
        <i/>
        <sz val="14"/>
        <rFont val="ＭＳ Ｐ明朝"/>
        <family val="1"/>
        <charset val="128"/>
      </rPr>
      <t>Polygonum tinctorium</t>
    </r>
    <r>
      <rPr>
        <sz val="14"/>
        <rFont val="ＭＳ Ｐ明朝"/>
        <family val="1"/>
        <charset val="128"/>
      </rPr>
      <t xml:space="preserve"> Lour</t>
    </r>
    <phoneticPr fontId="1"/>
  </si>
  <si>
    <t>根、葉、茎</t>
    <phoneticPr fontId="1"/>
  </si>
  <si>
    <t>魚乾燥物、肝臓</t>
    <rPh sb="5" eb="7">
      <t>カンゾウ</t>
    </rPh>
    <phoneticPr fontId="1"/>
  </si>
  <si>
    <t>ウシ/トリ/ブタ/カツオ</t>
    <phoneticPr fontId="1"/>
  </si>
  <si>
    <t>ウシ・トリ・ブタ・カツオの肝臓・エキス</t>
    <phoneticPr fontId="1"/>
  </si>
  <si>
    <t>キャッサバ</t>
    <phoneticPr fontId="1"/>
  </si>
  <si>
    <t>キバナオランダセンニチ</t>
    <phoneticPr fontId="1"/>
  </si>
  <si>
    <t>葉・花・茎葉</t>
    <phoneticPr fontId="1"/>
  </si>
  <si>
    <t>ゴマ</t>
    <phoneticPr fontId="1"/>
  </si>
  <si>
    <t>ゴマ油</t>
    <phoneticPr fontId="1"/>
  </si>
  <si>
    <t>脂肪酸</t>
    <phoneticPr fontId="1"/>
  </si>
  <si>
    <t>非配糖体に限る</t>
  </si>
  <si>
    <t>注３）　備考欄の「医」は「専ら医薬品として使用される成分本質（原材料）リスト」に掲載されていることを示す。</t>
    <phoneticPr fontId="1"/>
  </si>
  <si>
    <t>フィトナジオン/メナジオン</t>
    <phoneticPr fontId="1"/>
  </si>
  <si>
    <t>メチルサリフォニルメタン</t>
    <phoneticPr fontId="1"/>
  </si>
  <si>
    <t>デカルピス・ハミルト
ニー</t>
    <phoneticPr fontId="1"/>
  </si>
  <si>
    <t>ヘマトコッカス藻は「非医」</t>
    <rPh sb="10" eb="11">
      <t>ヒ</t>
    </rPh>
    <rPh sb="11" eb="12">
      <t>イ</t>
    </rPh>
    <phoneticPr fontId="1"/>
  </si>
  <si>
    <t>ニンニクの成分</t>
    <phoneticPr fontId="1"/>
  </si>
  <si>
    <t>フリー体、カリウム塩、マグネシウム塩に限る</t>
    <rPh sb="3" eb="4">
      <t>タイ</t>
    </rPh>
    <rPh sb="9" eb="10">
      <t>エン</t>
    </rPh>
    <rPh sb="17" eb="18">
      <t>エン</t>
    </rPh>
    <rPh sb="19" eb="20">
      <t>カギ</t>
    </rPh>
    <phoneticPr fontId="1"/>
  </si>
  <si>
    <t>緑茶の成分</t>
    <phoneticPr fontId="1"/>
  </si>
  <si>
    <t>天草の成分</t>
    <phoneticPr fontId="1"/>
  </si>
  <si>
    <t>ウコン由来色素</t>
    <phoneticPr fontId="1"/>
  </si>
  <si>
    <t>コンニャク等の複合多糖類</t>
    <phoneticPr fontId="1"/>
  </si>
  <si>
    <t>葉緑体中の緑色色素</t>
    <phoneticPr fontId="1"/>
  </si>
  <si>
    <t>マムシの成分</t>
    <phoneticPr fontId="1"/>
  </si>
  <si>
    <t>パパイン・ブロメライン等消化酵素は「医」</t>
    <phoneticPr fontId="1"/>
  </si>
  <si>
    <t>鉱石</t>
    <phoneticPr fontId="1"/>
  </si>
  <si>
    <t>ビタミンＥ関連物質</t>
    <phoneticPr fontId="1"/>
  </si>
  <si>
    <t>菌体をリゾチーム処理したものの抽出物</t>
    <phoneticPr fontId="1"/>
  </si>
  <si>
    <t>非消化吸収性の多糖類</t>
    <phoneticPr fontId="1"/>
  </si>
  <si>
    <t>リン脂質</t>
    <phoneticPr fontId="1"/>
  </si>
  <si>
    <t>カロテノイドの一種</t>
    <phoneticPr fontId="1"/>
  </si>
  <si>
    <t>テアクリン</t>
    <phoneticPr fontId="1"/>
  </si>
  <si>
    <t>Theacrine/1,3,7,9-Tetramethyluric acid</t>
    <phoneticPr fontId="1"/>
  </si>
  <si>
    <t>ガルシニアインディカ</t>
    <phoneticPr fontId="1"/>
  </si>
  <si>
    <t>インドマンゴスチン/コバノマンゴスチン/Kokum</t>
    <phoneticPr fontId="1"/>
  </si>
  <si>
    <t>オオカラスウリ/キカラスウリ/シナカラスウリ</t>
    <phoneticPr fontId="1"/>
  </si>
  <si>
    <t>果皮</t>
    <phoneticPr fontId="1"/>
  </si>
  <si>
    <t>果実・果皮･茎・種子・根・葉･花</t>
    <phoneticPr fontId="1"/>
  </si>
  <si>
    <t>キバナアザミ</t>
    <phoneticPr fontId="1"/>
  </si>
  <si>
    <t>サポニン</t>
    <phoneticPr fontId="1"/>
  </si>
  <si>
    <t>ジオスゲニン</t>
    <phoneticPr fontId="1"/>
  </si>
  <si>
    <t>Diosgenin/(3β,25R)-spirost-5-en-3-ol</t>
    <phoneticPr fontId="1"/>
  </si>
  <si>
    <t>種子・種子油・地上部・根</t>
    <phoneticPr fontId="1"/>
  </si>
  <si>
    <t>Cervus nippon，Cervus elaphus，Cervus canadensis又はその他同属動物(Cervidae)</t>
    <phoneticPr fontId="1"/>
  </si>
  <si>
    <t>アカヤジオウ/カイケイジオウ</t>
    <phoneticPr fontId="1"/>
  </si>
  <si>
    <t>トリカブト/ブシ/ヤマトリカブト</t>
    <phoneticPr fontId="1"/>
  </si>
  <si>
    <t>ネナシカズラ/マメダオシ</t>
    <phoneticPr fontId="1"/>
  </si>
  <si>
    <t>花粉以外は「非医」、ガマ・ヒメガマ以外の花粉は「非医」</t>
    <phoneticPr fontId="1"/>
  </si>
  <si>
    <t>食用ホオズキの果実は「非医」</t>
    <phoneticPr fontId="1"/>
  </si>
  <si>
    <t>香嚢腺から得た分泌液</t>
    <phoneticPr fontId="1"/>
  </si>
  <si>
    <t>ガンマブチロラクトン</t>
    <phoneticPr fontId="1"/>
  </si>
  <si>
    <t>発芽防止処理されていない種子は「医」</t>
    <phoneticPr fontId="1"/>
  </si>
  <si>
    <t>クロバナヒキオコシ/ヒキオコシ</t>
    <phoneticPr fontId="1"/>
  </si>
  <si>
    <t>コガネバナ/コガネヤナギ</t>
    <phoneticPr fontId="1"/>
  </si>
  <si>
    <t>シャゼンシ/シャゼンソウ/シャゼンヨウ</t>
    <phoneticPr fontId="1"/>
  </si>
  <si>
    <t>ケツジツ/ミズブキ</t>
    <phoneticPr fontId="1"/>
  </si>
  <si>
    <t>アイゾーン/ホソバノキリンソウ</t>
    <phoneticPr fontId="1"/>
  </si>
  <si>
    <t>イソボウキ/トンブリ/ホウキギ</t>
    <phoneticPr fontId="1"/>
  </si>
  <si>
    <t>オランダハッカ/ミドリハッカ</t>
    <phoneticPr fontId="1"/>
  </si>
  <si>
    <t>パフィア/ブラジルニンジン</t>
    <phoneticPr fontId="1"/>
  </si>
  <si>
    <t>クソウ/セイヨウセキショウモ</t>
    <phoneticPr fontId="1"/>
  </si>
  <si>
    <t>ソロバンノキ/ハノキ/ハンノキ</t>
    <phoneticPr fontId="1"/>
  </si>
  <si>
    <t>ヤクヨウダイオウ/ルバーブ</t>
    <phoneticPr fontId="1"/>
  </si>
  <si>
    <t>種子・種子油・種皮・葉・花・大豆の特殊発酵品</t>
    <phoneticPr fontId="1"/>
  </si>
  <si>
    <t>クローブ/チョウコウ/チョウジ油</t>
    <phoneticPr fontId="1"/>
  </si>
  <si>
    <t>ガフショクソウ</t>
    <phoneticPr fontId="1"/>
  </si>
  <si>
    <t>パッションフラワー</t>
    <phoneticPr fontId="1"/>
  </si>
  <si>
    <t>キュウサイシ/コミラ/リーキ</t>
    <phoneticPr fontId="1"/>
  </si>
  <si>
    <t>タイワンニンジンボク</t>
    <phoneticPr fontId="1"/>
  </si>
  <si>
    <t>オオニンニク/ダイサン</t>
    <phoneticPr fontId="1"/>
  </si>
  <si>
    <t>グビジンソウ/レイシュンカ</t>
    <phoneticPr fontId="1"/>
  </si>
  <si>
    <t>イノンド/キャラウェイ/ジラシ</t>
    <phoneticPr fontId="1"/>
  </si>
  <si>
    <t>コウスイボク/レモンバーベナ</t>
    <phoneticPr fontId="1"/>
  </si>
  <si>
    <t>ナツボダイジュ/フユボダイジュ/ボダイジュミツ</t>
    <phoneticPr fontId="1"/>
  </si>
  <si>
    <t>タイセイヨウ/ロヘンソウ</t>
    <phoneticPr fontId="1"/>
  </si>
  <si>
    <t>コウスイハッカ/セイヨヤマハッカ/レモンバーム</t>
    <phoneticPr fontId="1"/>
  </si>
  <si>
    <t>種子（トウニン）は「医」</t>
    <phoneticPr fontId="1"/>
  </si>
  <si>
    <t>ドジョウザン/ロウレンシュウキュウ</t>
    <phoneticPr fontId="1"/>
  </si>
  <si>
    <t>ユーカリノキ/ユーカリ油</t>
    <phoneticPr fontId="1"/>
  </si>
  <si>
    <t>マンネンタケ/ロッカクレイシ</t>
    <phoneticPr fontId="1"/>
  </si>
  <si>
    <t>ウシ/ウマ/トラ/ヒツジ/ブタ/ヘビ</t>
    <phoneticPr fontId="1"/>
  </si>
  <si>
    <t>ヤツメウナギ</t>
    <phoneticPr fontId="1"/>
  </si>
  <si>
    <t>タラ等魚類肝臓の脂肪油</t>
    <phoneticPr fontId="1"/>
  </si>
  <si>
    <t>インドコブラ/フィリピンコブラ</t>
    <phoneticPr fontId="1"/>
  </si>
  <si>
    <t>サンバー/トナカイ/ニューカレドニアジカ/ファロージカ/ベルベット</t>
    <phoneticPr fontId="1"/>
  </si>
  <si>
    <t>レイヨウカク・ロクジョウは「医」</t>
    <phoneticPr fontId="1"/>
  </si>
  <si>
    <t>ウマの乳汁</t>
    <phoneticPr fontId="1"/>
  </si>
  <si>
    <t>ハチの幼虫</t>
    <phoneticPr fontId="1"/>
  </si>
  <si>
    <t>メスバチの咽頭腺分泌物</t>
    <phoneticPr fontId="1"/>
  </si>
  <si>
    <t>無機ゲルマニウム/有機ゲルマニウム</t>
    <phoneticPr fontId="1"/>
  </si>
  <si>
    <t>ユビキノン</t>
    <phoneticPr fontId="1"/>
  </si>
  <si>
    <t>植物体又は果実の液汁から得られる酵素</t>
    <phoneticPr fontId="1"/>
  </si>
  <si>
    <t>大豆レシチン/ホスファチジルコリン/卵黄レシチン</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0"/>
      <color indexed="8"/>
      <name val="ＭＳ Ｐゴシック"/>
      <family val="3"/>
      <charset val="128"/>
    </font>
    <font>
      <sz val="6"/>
      <name val="ＭＳ Ｐゴシック"/>
      <family val="3"/>
      <charset val="128"/>
    </font>
    <font>
      <sz val="14"/>
      <color indexed="8"/>
      <name val="ＭＳ Ｐ明朝"/>
      <family val="1"/>
      <charset val="128"/>
    </font>
    <font>
      <sz val="14"/>
      <name val="ＭＳ Ｐ明朝"/>
      <family val="1"/>
      <charset val="128"/>
    </font>
    <font>
      <sz val="18"/>
      <color indexed="8"/>
      <name val="ＭＳ Ｐゴシック"/>
      <family val="3"/>
      <charset val="128"/>
    </font>
    <font>
      <sz val="18"/>
      <color indexed="8"/>
      <name val="ＭＳ Ｐ明朝"/>
      <family val="1"/>
      <charset val="128"/>
    </font>
    <font>
      <sz val="10"/>
      <color indexed="8"/>
      <name val="ＭＳ Ｐゴシック"/>
      <family val="3"/>
      <charset val="128"/>
    </font>
    <font>
      <sz val="10"/>
      <name val="ＭＳ Ｐ明朝"/>
      <family val="1"/>
      <charset val="128"/>
    </font>
    <font>
      <sz val="10"/>
      <color indexed="8"/>
      <name val="ＭＳ Ｐゴシック"/>
      <family val="3"/>
      <charset val="128"/>
    </font>
    <font>
      <sz val="10"/>
      <name val="ＭＳ Ｐゴシック"/>
      <family val="3"/>
      <charset val="128"/>
    </font>
    <font>
      <sz val="14"/>
      <name val="ＭＳ Ｐゴシック"/>
      <family val="3"/>
      <charset val="128"/>
    </font>
    <font>
      <i/>
      <sz val="14"/>
      <name val="ＭＳ Ｐ明朝"/>
      <family val="1"/>
      <charset val="128"/>
    </font>
    <font>
      <strike/>
      <sz val="14"/>
      <name val="ＭＳ Ｐ明朝"/>
      <family val="1"/>
      <charset val="128"/>
    </font>
    <font>
      <b/>
      <i/>
      <sz val="14"/>
      <name val="ＭＳ Ｐ明朝"/>
      <family val="1"/>
      <charset val="128"/>
    </font>
    <font>
      <sz val="12"/>
      <name val="ＭＳ Ｐ明朝"/>
      <family val="1"/>
      <charset val="128"/>
    </font>
    <font>
      <sz val="14"/>
      <color rgb="FFFF0000"/>
      <name val="ＭＳ Ｐ明朝"/>
      <family val="1"/>
      <charset val="128"/>
    </font>
  </fonts>
  <fills count="6">
    <fill>
      <patternFill patternType="none"/>
    </fill>
    <fill>
      <patternFill patternType="gray125"/>
    </fill>
    <fill>
      <patternFill patternType="solid">
        <fgColor indexed="22"/>
        <bgColor indexed="64"/>
      </patternFill>
    </fill>
    <fill>
      <patternFill patternType="solid">
        <fgColor theme="0" tint="-0.249977111117893"/>
        <bgColor indexed="64"/>
      </patternFill>
    </fill>
    <fill>
      <patternFill patternType="solid">
        <fgColor rgb="FFC0C0C0"/>
        <bgColor rgb="FF000000"/>
      </patternFill>
    </fill>
    <fill>
      <patternFill patternType="solid">
        <fgColor theme="0"/>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s>
  <cellStyleXfs count="1">
    <xf numFmtId="0" fontId="0" fillId="0" borderId="0"/>
  </cellStyleXfs>
  <cellXfs count="64">
    <xf numFmtId="0" fontId="0" fillId="0" borderId="0" xfId="0"/>
    <xf numFmtId="0" fontId="3" fillId="0" borderId="1" xfId="0" applyFont="1" applyFill="1" applyBorder="1" applyAlignment="1">
      <alignment vertical="top" wrapText="1"/>
    </xf>
    <xf numFmtId="0" fontId="3" fillId="0" borderId="0" xfId="0" applyFont="1" applyFill="1" applyAlignment="1">
      <alignment vertical="top" wrapText="1"/>
    </xf>
    <xf numFmtId="0" fontId="3" fillId="0" borderId="0" xfId="0" applyFont="1" applyFill="1" applyBorder="1" applyAlignment="1">
      <alignment vertical="top" wrapText="1"/>
    </xf>
    <xf numFmtId="0" fontId="4" fillId="0" borderId="0" xfId="0" applyFont="1" applyFill="1" applyBorder="1" applyAlignment="1">
      <alignment vertical="top" wrapText="1"/>
    </xf>
    <xf numFmtId="0" fontId="4" fillId="0" borderId="0" xfId="0" applyFont="1" applyBorder="1" applyAlignment="1">
      <alignment vertical="top" wrapText="1"/>
    </xf>
    <xf numFmtId="0" fontId="5" fillId="0" borderId="0" xfId="0" applyFont="1" applyBorder="1" applyAlignment="1">
      <alignment horizontal="left" vertical="top" wrapText="1"/>
    </xf>
    <xf numFmtId="0" fontId="3" fillId="0" borderId="1" xfId="0" applyFont="1" applyFill="1" applyBorder="1" applyAlignment="1">
      <alignment horizontal="left" vertical="top" wrapText="1"/>
    </xf>
    <xf numFmtId="0" fontId="3" fillId="0" borderId="0" xfId="0" applyFont="1" applyBorder="1" applyAlignment="1">
      <alignment vertical="top" wrapText="1"/>
    </xf>
    <xf numFmtId="0" fontId="3" fillId="2" borderId="1" xfId="0" applyFont="1" applyFill="1" applyBorder="1" applyAlignment="1">
      <alignment horizontal="center" vertical="top" wrapText="1"/>
    </xf>
    <xf numFmtId="0" fontId="3" fillId="0" borderId="0" xfId="0" applyFont="1" applyFill="1" applyBorder="1" applyAlignment="1">
      <alignment vertical="top"/>
    </xf>
    <xf numFmtId="0" fontId="3" fillId="0" borderId="0" xfId="0" applyFont="1" applyAlignment="1">
      <alignment vertical="top"/>
    </xf>
    <xf numFmtId="0" fontId="3" fillId="0" borderId="0" xfId="0" applyFont="1" applyBorder="1" applyAlignment="1">
      <alignment vertical="top"/>
    </xf>
    <xf numFmtId="0" fontId="3" fillId="0" borderId="1" xfId="0" applyFont="1" applyFill="1" applyBorder="1" applyAlignment="1">
      <alignment horizontal="left" vertical="top" wrapText="1" shrinkToFit="1"/>
    </xf>
    <xf numFmtId="0" fontId="3" fillId="0" borderId="1" xfId="0" applyFont="1" applyBorder="1" applyAlignment="1">
      <alignment vertical="top" wrapText="1"/>
    </xf>
    <xf numFmtId="0" fontId="6" fillId="0" borderId="0" xfId="0" applyFont="1" applyBorder="1" applyAlignment="1">
      <alignment vertical="top" wrapText="1"/>
    </xf>
    <xf numFmtId="0" fontId="6" fillId="0" borderId="0" xfId="0" applyFont="1" applyFill="1" applyBorder="1" applyAlignment="1">
      <alignment vertical="top" wrapText="1"/>
    </xf>
    <xf numFmtId="0" fontId="7" fillId="0" borderId="0" xfId="0" applyFont="1" applyFill="1" applyBorder="1" applyAlignment="1">
      <alignment vertical="top" wrapText="1"/>
    </xf>
    <xf numFmtId="0" fontId="8" fillId="0" borderId="0" xfId="0" applyFont="1" applyBorder="1" applyAlignment="1">
      <alignment vertical="top" wrapText="1"/>
    </xf>
    <xf numFmtId="0" fontId="7" fillId="0" borderId="0" xfId="0" applyFont="1" applyFill="1" applyAlignment="1">
      <alignment vertical="top" wrapText="1"/>
    </xf>
    <xf numFmtId="0" fontId="3" fillId="0" borderId="0" xfId="0" applyFont="1" applyFill="1" applyBorder="1" applyAlignment="1"/>
    <xf numFmtId="0" fontId="9" fillId="0" borderId="0" xfId="0" applyFont="1" applyFill="1" applyBorder="1" applyAlignment="1">
      <alignment vertical="top" wrapText="1"/>
    </xf>
    <xf numFmtId="0" fontId="10" fillId="0" borderId="0" xfId="0" applyFont="1" applyFill="1" applyBorder="1" applyAlignment="1">
      <alignment vertical="top" wrapText="1"/>
    </xf>
    <xf numFmtId="0" fontId="3" fillId="0" borderId="0" xfId="0" applyFont="1" applyBorder="1" applyAlignment="1">
      <alignment horizontal="left" vertical="top" wrapText="1"/>
    </xf>
    <xf numFmtId="0" fontId="7" fillId="0" borderId="0" xfId="0" applyFont="1" applyBorder="1" applyAlignment="1">
      <alignment vertical="top" wrapText="1"/>
    </xf>
    <xf numFmtId="0" fontId="3" fillId="0" borderId="1" xfId="0" applyFont="1" applyBorder="1" applyAlignment="1">
      <alignment horizontal="left" vertical="top" wrapText="1"/>
    </xf>
    <xf numFmtId="0" fontId="3" fillId="3" borderId="1" xfId="0" applyFont="1" applyFill="1" applyBorder="1" applyAlignment="1">
      <alignment horizontal="center" vertical="top" wrapText="1"/>
    </xf>
    <xf numFmtId="0" fontId="8" fillId="0" borderId="0" xfId="0" applyFont="1" applyBorder="1" applyAlignment="1">
      <alignment vertical="center" wrapText="1"/>
    </xf>
    <xf numFmtId="0" fontId="4" fillId="0" borderId="0" xfId="0" applyFont="1" applyBorder="1" applyAlignment="1">
      <alignment vertical="center" wrapText="1"/>
    </xf>
    <xf numFmtId="0" fontId="3" fillId="0" borderId="0" xfId="0" applyFont="1" applyFill="1" applyBorder="1" applyAlignment="1">
      <alignment wrapText="1"/>
    </xf>
    <xf numFmtId="0" fontId="3" fillId="4" borderId="1" xfId="0" applyFont="1" applyFill="1" applyBorder="1" applyAlignment="1">
      <alignment horizontal="center" vertical="top" wrapText="1"/>
    </xf>
    <xf numFmtId="0" fontId="3" fillId="4" borderId="3" xfId="0" applyFont="1" applyFill="1" applyBorder="1" applyAlignment="1">
      <alignment horizontal="center" vertical="top" wrapText="1"/>
    </xf>
    <xf numFmtId="0" fontId="12" fillId="0" borderId="1" xfId="0" applyFont="1" applyFill="1" applyBorder="1" applyAlignment="1">
      <alignment horizontal="left" vertical="top" wrapText="1"/>
    </xf>
    <xf numFmtId="0" fontId="3" fillId="0" borderId="1" xfId="0" applyFont="1" applyFill="1" applyBorder="1" applyAlignment="1">
      <alignment vertical="top"/>
    </xf>
    <xf numFmtId="0" fontId="13" fillId="0" borderId="1" xfId="0" applyFont="1" applyFill="1" applyBorder="1" applyAlignment="1">
      <alignment vertical="top" wrapText="1"/>
    </xf>
    <xf numFmtId="0" fontId="3" fillId="0" borderId="2" xfId="0" applyFont="1" applyFill="1" applyBorder="1" applyAlignment="1">
      <alignment horizontal="left" vertical="top" wrapText="1"/>
    </xf>
    <xf numFmtId="0" fontId="3" fillId="0" borderId="0" xfId="0" applyFont="1" applyFill="1" applyBorder="1" applyAlignment="1">
      <alignment horizontal="left" vertical="top" wrapText="1"/>
    </xf>
    <xf numFmtId="0" fontId="3" fillId="0" borderId="3" xfId="0" applyFont="1" applyFill="1" applyBorder="1" applyAlignment="1">
      <alignment horizontal="left" vertical="top" wrapText="1"/>
    </xf>
    <xf numFmtId="0" fontId="3" fillId="0" borderId="4" xfId="0" applyFont="1" applyFill="1" applyBorder="1" applyAlignment="1">
      <alignment horizontal="left" vertical="top" wrapText="1"/>
    </xf>
    <xf numFmtId="0" fontId="3" fillId="0" borderId="5" xfId="0" applyFont="1" applyFill="1" applyBorder="1" applyAlignment="1">
      <alignment horizontal="left" vertical="top" wrapText="1"/>
    </xf>
    <xf numFmtId="0" fontId="3" fillId="0" borderId="3" xfId="0" applyFont="1" applyFill="1" applyBorder="1" applyAlignment="1">
      <alignment vertical="top" wrapText="1"/>
    </xf>
    <xf numFmtId="0" fontId="3" fillId="0" borderId="1" xfId="0" applyFont="1" applyFill="1" applyBorder="1"/>
    <xf numFmtId="0" fontId="3" fillId="0" borderId="1" xfId="0" applyFont="1" applyFill="1" applyBorder="1" applyAlignment="1">
      <alignment vertical="top" shrinkToFit="1"/>
    </xf>
    <xf numFmtId="0" fontId="3" fillId="0" borderId="0" xfId="0" applyFont="1" applyFill="1" applyAlignment="1">
      <alignment vertical="top"/>
    </xf>
    <xf numFmtId="0" fontId="3" fillId="5" borderId="1" xfId="0" applyFont="1" applyFill="1" applyBorder="1" applyAlignment="1">
      <alignment horizontal="left" vertical="top" wrapText="1"/>
    </xf>
    <xf numFmtId="0" fontId="3" fillId="0" borderId="0" xfId="0" applyFont="1" applyBorder="1" applyAlignment="1">
      <alignment vertical="center"/>
    </xf>
    <xf numFmtId="0" fontId="10" fillId="0" borderId="0" xfId="0" applyFont="1" applyBorder="1" applyAlignment="1">
      <alignment vertical="top" wrapText="1"/>
    </xf>
    <xf numFmtId="0" fontId="3" fillId="0" borderId="0" xfId="0" applyFont="1" applyFill="1" applyBorder="1" applyAlignment="1">
      <alignment vertical="center"/>
    </xf>
    <xf numFmtId="0" fontId="3" fillId="0" borderId="0" xfId="0" applyFont="1" applyFill="1" applyBorder="1" applyAlignment="1">
      <alignment horizontal="left" vertical="center" wrapText="1"/>
    </xf>
    <xf numFmtId="0" fontId="3" fillId="0" borderId="0" xfId="0" applyFont="1" applyBorder="1" applyAlignment="1">
      <alignment horizontal="left" vertical="center" wrapText="1"/>
    </xf>
    <xf numFmtId="0" fontId="10" fillId="0" borderId="0" xfId="0" applyFont="1" applyBorder="1" applyAlignment="1">
      <alignment vertical="center" wrapText="1"/>
    </xf>
    <xf numFmtId="0" fontId="3" fillId="0" borderId="0" xfId="0" applyFont="1" applyFill="1" applyBorder="1" applyAlignment="1">
      <alignment wrapText="1"/>
    </xf>
    <xf numFmtId="0" fontId="3" fillId="0" borderId="1" xfId="0" applyFont="1" applyFill="1" applyBorder="1" applyAlignment="1">
      <alignment vertical="center" wrapText="1"/>
    </xf>
    <xf numFmtId="0" fontId="3" fillId="0" borderId="2" xfId="0" applyFont="1" applyFill="1" applyBorder="1" applyAlignment="1">
      <alignment vertical="center" wrapText="1"/>
    </xf>
    <xf numFmtId="0" fontId="3" fillId="0" borderId="1" xfId="0" applyFont="1" applyFill="1" applyBorder="1" applyAlignment="1">
      <alignment vertical="center"/>
    </xf>
    <xf numFmtId="0" fontId="13" fillId="0" borderId="0" xfId="0" applyFont="1" applyFill="1" applyAlignment="1">
      <alignment vertical="top" wrapText="1"/>
    </xf>
    <xf numFmtId="0" fontId="9" fillId="0" borderId="0" xfId="0" applyFont="1" applyFill="1" applyAlignment="1">
      <alignment wrapText="1"/>
    </xf>
    <xf numFmtId="0" fontId="3" fillId="3" borderId="3" xfId="0" applyFont="1" applyFill="1" applyBorder="1" applyAlignment="1">
      <alignment horizontal="center" vertical="top" wrapText="1"/>
    </xf>
    <xf numFmtId="0" fontId="3" fillId="0" borderId="0" xfId="0" applyFont="1" applyFill="1" applyBorder="1" applyAlignment="1">
      <alignment wrapText="1"/>
    </xf>
    <xf numFmtId="0" fontId="11" fillId="0" borderId="1" xfId="0" applyFont="1" applyFill="1" applyBorder="1" applyAlignment="1">
      <alignment horizontal="left" vertical="top" wrapText="1"/>
    </xf>
    <xf numFmtId="0" fontId="3" fillId="0" borderId="0" xfId="0" applyFont="1" applyFill="1" applyBorder="1" applyAlignment="1">
      <alignment wrapText="1"/>
    </xf>
    <xf numFmtId="0" fontId="9" fillId="0" borderId="0" xfId="0" applyFont="1" applyAlignment="1">
      <alignment wrapText="1"/>
    </xf>
    <xf numFmtId="0" fontId="15" fillId="5" borderId="0" xfId="0" applyFont="1" applyFill="1" applyBorder="1" applyAlignment="1">
      <alignment horizontal="left" vertical="top" wrapText="1"/>
    </xf>
    <xf numFmtId="0" fontId="15" fillId="5" borderId="0" xfId="0" applyFont="1" applyFill="1" applyBorder="1" applyAlignment="1">
      <alignment horizontal="left" vertical="top"/>
    </xf>
  </cellXfs>
  <cellStyles count="1">
    <cellStyle name="標準"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61"/>
  <sheetViews>
    <sheetView tabSelected="1" view="pageLayout" topLeftCell="A52" zoomScaleNormal="100" workbookViewId="0">
      <selection activeCell="C219" sqref="C219"/>
    </sheetView>
  </sheetViews>
  <sheetFormatPr defaultColWidth="40.7109375" defaultRowHeight="17.25" x14ac:dyDescent="0.15"/>
  <cols>
    <col min="1" max="1" width="28.7109375" style="22" customWidth="1"/>
    <col min="2" max="2" width="35.7109375" style="22" customWidth="1"/>
    <col min="3" max="3" width="30.7109375" style="22" customWidth="1"/>
    <col min="4" max="4" width="37.7109375" style="36" customWidth="1"/>
    <col min="5" max="5" width="12.28515625" style="22" customWidth="1"/>
    <col min="6" max="16384" width="40.7109375" style="22"/>
  </cols>
  <sheetData>
    <row r="1" spans="1:4" x14ac:dyDescent="0.15">
      <c r="A1" s="3" t="s">
        <v>2621</v>
      </c>
    </row>
    <row r="2" spans="1:4" x14ac:dyDescent="0.15">
      <c r="A2" s="10" t="s">
        <v>1252</v>
      </c>
    </row>
    <row r="3" spans="1:4" x14ac:dyDescent="0.15">
      <c r="A3" s="3" t="s">
        <v>1253</v>
      </c>
    </row>
    <row r="4" spans="1:4" x14ac:dyDescent="0.15">
      <c r="A4" s="3" t="s">
        <v>1127</v>
      </c>
    </row>
    <row r="5" spans="1:4" x14ac:dyDescent="0.15">
      <c r="A5" s="9" t="s">
        <v>1128</v>
      </c>
      <c r="B5" s="9" t="s">
        <v>1129</v>
      </c>
      <c r="C5" s="9" t="s">
        <v>1396</v>
      </c>
      <c r="D5" s="9" t="s">
        <v>1130</v>
      </c>
    </row>
    <row r="6" spans="1:4" x14ac:dyDescent="0.15">
      <c r="A6" s="7" t="s">
        <v>1256</v>
      </c>
      <c r="B6" s="7"/>
      <c r="C6" s="7" t="s">
        <v>1257</v>
      </c>
      <c r="D6" s="7"/>
    </row>
    <row r="7" spans="1:4" x14ac:dyDescent="0.15">
      <c r="A7" s="7" t="s">
        <v>1259</v>
      </c>
      <c r="B7" s="7"/>
      <c r="C7" s="7" t="s">
        <v>1260</v>
      </c>
      <c r="D7" s="7"/>
    </row>
    <row r="8" spans="1:4" s="3" customFormat="1" ht="34.5" x14ac:dyDescent="0.15">
      <c r="A8" s="7" t="s">
        <v>1650</v>
      </c>
      <c r="B8" s="7" t="s">
        <v>1261</v>
      </c>
      <c r="C8" s="7" t="s">
        <v>1262</v>
      </c>
      <c r="D8" s="7" t="s">
        <v>1901</v>
      </c>
    </row>
    <row r="9" spans="1:4" s="3" customFormat="1" x14ac:dyDescent="0.15">
      <c r="A9" s="7" t="s">
        <v>1263</v>
      </c>
      <c r="B9" s="7" t="s">
        <v>1264</v>
      </c>
      <c r="C9" s="7" t="s">
        <v>1265</v>
      </c>
      <c r="D9" s="7" t="s">
        <v>1871</v>
      </c>
    </row>
    <row r="10" spans="1:4" s="3" customFormat="1" x14ac:dyDescent="0.15">
      <c r="A10" s="7" t="s">
        <v>1266</v>
      </c>
      <c r="B10" s="7"/>
      <c r="C10" s="7" t="s">
        <v>1267</v>
      </c>
      <c r="D10" s="7"/>
    </row>
    <row r="11" spans="1:4" s="3" customFormat="1" x14ac:dyDescent="0.15">
      <c r="A11" s="7" t="s">
        <v>1268</v>
      </c>
      <c r="B11" s="7"/>
      <c r="C11" s="7" t="s">
        <v>1269</v>
      </c>
      <c r="D11" s="7"/>
    </row>
    <row r="12" spans="1:4" s="3" customFormat="1" x14ac:dyDescent="0.15">
      <c r="A12" s="7" t="s">
        <v>1270</v>
      </c>
      <c r="B12" s="7" t="s">
        <v>1271</v>
      </c>
      <c r="C12" s="7" t="s">
        <v>1272</v>
      </c>
      <c r="D12" s="7" t="s">
        <v>1872</v>
      </c>
    </row>
    <row r="13" spans="1:4" s="3" customFormat="1" x14ac:dyDescent="0.15">
      <c r="A13" s="7" t="s">
        <v>1273</v>
      </c>
      <c r="B13" s="7" t="s">
        <v>1274</v>
      </c>
      <c r="C13" s="7" t="s">
        <v>1275</v>
      </c>
      <c r="D13" s="7"/>
    </row>
    <row r="14" spans="1:4" s="3" customFormat="1" x14ac:dyDescent="0.15">
      <c r="A14" s="7" t="s">
        <v>1276</v>
      </c>
      <c r="B14" s="7"/>
      <c r="C14" s="7" t="s">
        <v>1277</v>
      </c>
      <c r="D14" s="7"/>
    </row>
    <row r="15" spans="1:4" s="3" customFormat="1" x14ac:dyDescent="0.15">
      <c r="A15" s="7" t="s">
        <v>1649</v>
      </c>
      <c r="B15" s="7" t="s">
        <v>1278</v>
      </c>
      <c r="C15" s="7" t="s">
        <v>1279</v>
      </c>
      <c r="D15" s="7"/>
    </row>
    <row r="16" spans="1:4" s="3" customFormat="1" x14ac:dyDescent="0.15">
      <c r="A16" s="7" t="s">
        <v>1281</v>
      </c>
      <c r="B16" s="7" t="s">
        <v>1282</v>
      </c>
      <c r="C16" s="7" t="s">
        <v>1260</v>
      </c>
      <c r="D16" s="7"/>
    </row>
    <row r="17" spans="1:4" s="3" customFormat="1" x14ac:dyDescent="0.15">
      <c r="A17" s="7" t="s">
        <v>2475</v>
      </c>
      <c r="B17" s="7" t="s">
        <v>2476</v>
      </c>
      <c r="C17" s="7" t="s">
        <v>685</v>
      </c>
      <c r="D17" s="7"/>
    </row>
    <row r="18" spans="1:4" s="3" customFormat="1" x14ac:dyDescent="0.15">
      <c r="A18" s="7" t="s">
        <v>1283</v>
      </c>
      <c r="B18" s="7"/>
      <c r="C18" s="7" t="s">
        <v>1260</v>
      </c>
      <c r="D18" s="7"/>
    </row>
    <row r="19" spans="1:4" s="3" customFormat="1" x14ac:dyDescent="0.15">
      <c r="A19" s="7" t="s">
        <v>1284</v>
      </c>
      <c r="B19" s="7" t="s">
        <v>1285</v>
      </c>
      <c r="C19" s="7" t="s">
        <v>1277</v>
      </c>
      <c r="D19" s="7" t="s">
        <v>1873</v>
      </c>
    </row>
    <row r="20" spans="1:4" s="3" customFormat="1" x14ac:dyDescent="0.15">
      <c r="A20" s="7" t="s">
        <v>1286</v>
      </c>
      <c r="B20" s="7" t="s">
        <v>1287</v>
      </c>
      <c r="C20" s="7" t="s">
        <v>1257</v>
      </c>
      <c r="D20" s="7"/>
    </row>
    <row r="21" spans="1:4" s="2" customFormat="1" x14ac:dyDescent="0.15">
      <c r="A21" s="1" t="s">
        <v>1644</v>
      </c>
      <c r="B21" s="1"/>
      <c r="C21" s="1" t="s">
        <v>1277</v>
      </c>
      <c r="D21" s="1"/>
    </row>
    <row r="22" spans="1:4" s="3" customFormat="1" x14ac:dyDescent="0.15">
      <c r="A22" s="7" t="s">
        <v>1288</v>
      </c>
      <c r="B22" s="7" t="s">
        <v>1289</v>
      </c>
      <c r="C22" s="7" t="s">
        <v>1290</v>
      </c>
      <c r="D22" s="7"/>
    </row>
    <row r="23" spans="1:4" s="3" customFormat="1" x14ac:dyDescent="0.15">
      <c r="A23" s="7" t="s">
        <v>1291</v>
      </c>
      <c r="B23" s="7"/>
      <c r="C23" s="7" t="s">
        <v>1292</v>
      </c>
      <c r="D23" s="7" t="s">
        <v>1874</v>
      </c>
    </row>
    <row r="24" spans="1:4" s="3" customFormat="1" x14ac:dyDescent="0.15">
      <c r="A24" s="7" t="s">
        <v>1293</v>
      </c>
      <c r="B24" s="7" t="s">
        <v>1294</v>
      </c>
      <c r="C24" s="7" t="s">
        <v>1295</v>
      </c>
      <c r="D24" s="7"/>
    </row>
    <row r="25" spans="1:4" s="3" customFormat="1" x14ac:dyDescent="0.15">
      <c r="A25" s="7" t="s">
        <v>1296</v>
      </c>
      <c r="B25" s="7" t="s">
        <v>1297</v>
      </c>
      <c r="C25" s="7" t="s">
        <v>1298</v>
      </c>
      <c r="D25" s="7" t="s">
        <v>1875</v>
      </c>
    </row>
    <row r="26" spans="1:4" s="3" customFormat="1" x14ac:dyDescent="0.15">
      <c r="A26" s="7" t="s">
        <v>2601</v>
      </c>
      <c r="B26" s="7"/>
      <c r="C26" s="7" t="s">
        <v>2602</v>
      </c>
      <c r="D26" s="7"/>
    </row>
    <row r="27" spans="1:4" s="3" customFormat="1" x14ac:dyDescent="0.15">
      <c r="A27" s="7" t="s">
        <v>304</v>
      </c>
      <c r="B27" s="7" t="s">
        <v>305</v>
      </c>
      <c r="C27" s="7" t="s">
        <v>1439</v>
      </c>
      <c r="D27" s="7"/>
    </row>
    <row r="28" spans="1:4" s="3" customFormat="1" x14ac:dyDescent="0.15">
      <c r="A28" s="1" t="s">
        <v>1299</v>
      </c>
      <c r="B28" s="1"/>
      <c r="C28" s="1" t="s">
        <v>1300</v>
      </c>
      <c r="D28" s="7"/>
    </row>
    <row r="29" spans="1:4" s="3" customFormat="1" x14ac:dyDescent="0.15">
      <c r="A29" s="7" t="s">
        <v>1301</v>
      </c>
      <c r="B29" s="7" t="s">
        <v>1302</v>
      </c>
      <c r="C29" s="7" t="s">
        <v>1260</v>
      </c>
      <c r="D29" s="7"/>
    </row>
    <row r="30" spans="1:4" s="3" customFormat="1" x14ac:dyDescent="0.15">
      <c r="A30" s="7" t="s">
        <v>1648</v>
      </c>
      <c r="B30" s="7" t="s">
        <v>1303</v>
      </c>
      <c r="C30" s="7" t="s">
        <v>1277</v>
      </c>
      <c r="D30" s="7" t="s">
        <v>1876</v>
      </c>
    </row>
    <row r="31" spans="1:4" s="3" customFormat="1" x14ac:dyDescent="0.15">
      <c r="A31" s="7" t="s">
        <v>1304</v>
      </c>
      <c r="B31" s="7" t="s">
        <v>1305</v>
      </c>
      <c r="C31" s="7" t="s">
        <v>1277</v>
      </c>
      <c r="D31" s="7" t="s">
        <v>1876</v>
      </c>
    </row>
    <row r="32" spans="1:4" s="3" customFormat="1" x14ac:dyDescent="0.15">
      <c r="A32" s="7" t="s">
        <v>1306</v>
      </c>
      <c r="B32" s="7" t="s">
        <v>1307</v>
      </c>
      <c r="C32" s="7" t="s">
        <v>1255</v>
      </c>
      <c r="D32" s="7" t="s">
        <v>1873</v>
      </c>
    </row>
    <row r="33" spans="1:4" s="3" customFormat="1" x14ac:dyDescent="0.15">
      <c r="A33" s="7" t="s">
        <v>1308</v>
      </c>
      <c r="B33" s="7" t="s">
        <v>1309</v>
      </c>
      <c r="C33" s="7" t="s">
        <v>1255</v>
      </c>
      <c r="D33" s="7"/>
    </row>
    <row r="34" spans="1:4" s="3" customFormat="1" x14ac:dyDescent="0.15">
      <c r="A34" s="7" t="s">
        <v>1310</v>
      </c>
      <c r="B34" s="7" t="s">
        <v>1311</v>
      </c>
      <c r="C34" s="7" t="s">
        <v>1312</v>
      </c>
      <c r="D34" s="7" t="s">
        <v>1872</v>
      </c>
    </row>
    <row r="35" spans="1:4" s="3" customFormat="1" x14ac:dyDescent="0.15">
      <c r="A35" s="7" t="s">
        <v>1313</v>
      </c>
      <c r="B35" s="7"/>
      <c r="C35" s="7" t="s">
        <v>1314</v>
      </c>
      <c r="D35" s="7"/>
    </row>
    <row r="36" spans="1:4" s="3" customFormat="1" x14ac:dyDescent="0.15">
      <c r="A36" s="7" t="s">
        <v>1315</v>
      </c>
      <c r="B36" s="7"/>
      <c r="C36" s="7" t="s">
        <v>1272</v>
      </c>
      <c r="D36" s="7"/>
    </row>
    <row r="37" spans="1:4" s="3" customFormat="1" x14ac:dyDescent="0.15">
      <c r="A37" s="7" t="s">
        <v>1316</v>
      </c>
      <c r="B37" s="7"/>
      <c r="C37" s="7" t="s">
        <v>1269</v>
      </c>
      <c r="D37" s="7"/>
    </row>
    <row r="38" spans="1:4" s="3" customFormat="1" x14ac:dyDescent="0.15">
      <c r="A38" s="7" t="s">
        <v>1317</v>
      </c>
      <c r="B38" s="7" t="s">
        <v>1318</v>
      </c>
      <c r="C38" s="7" t="s">
        <v>1277</v>
      </c>
      <c r="D38" s="7"/>
    </row>
    <row r="39" spans="1:4" s="3" customFormat="1" x14ac:dyDescent="0.15">
      <c r="A39" s="7" t="s">
        <v>2603</v>
      </c>
      <c r="B39" s="7"/>
      <c r="C39" s="7" t="s">
        <v>2604</v>
      </c>
      <c r="D39" s="7"/>
    </row>
    <row r="40" spans="1:4" s="3" customFormat="1" ht="34.5" x14ac:dyDescent="0.15">
      <c r="A40" s="7" t="s">
        <v>1647</v>
      </c>
      <c r="B40" s="7"/>
      <c r="C40" s="7" t="s">
        <v>2594</v>
      </c>
      <c r="D40" s="7" t="s">
        <v>2593</v>
      </c>
    </row>
    <row r="41" spans="1:4" s="3" customFormat="1" x14ac:dyDescent="0.15">
      <c r="A41" s="7" t="s">
        <v>1319</v>
      </c>
      <c r="B41" s="7"/>
      <c r="C41" s="7" t="s">
        <v>1255</v>
      </c>
      <c r="D41" s="7"/>
    </row>
    <row r="42" spans="1:4" s="3" customFormat="1" x14ac:dyDescent="0.15">
      <c r="A42" s="7" t="s">
        <v>306</v>
      </c>
      <c r="B42" s="7" t="s">
        <v>1655</v>
      </c>
      <c r="C42" s="7" t="s">
        <v>685</v>
      </c>
      <c r="D42" s="7"/>
    </row>
    <row r="43" spans="1:4" s="3" customFormat="1" x14ac:dyDescent="0.15">
      <c r="A43" s="7" t="s">
        <v>1321</v>
      </c>
      <c r="B43" s="7" t="s">
        <v>1322</v>
      </c>
      <c r="C43" s="7" t="s">
        <v>1260</v>
      </c>
      <c r="D43" s="7"/>
    </row>
    <row r="44" spans="1:4" s="3" customFormat="1" x14ac:dyDescent="0.15">
      <c r="A44" s="7" t="s">
        <v>1323</v>
      </c>
      <c r="B44" s="7" t="s">
        <v>1324</v>
      </c>
      <c r="C44" s="7" t="s">
        <v>1325</v>
      </c>
      <c r="D44" s="7"/>
    </row>
    <row r="45" spans="1:4" s="3" customFormat="1" x14ac:dyDescent="0.15">
      <c r="A45" s="7" t="s">
        <v>1326</v>
      </c>
      <c r="B45" s="7" t="s">
        <v>1327</v>
      </c>
      <c r="C45" s="7" t="s">
        <v>1328</v>
      </c>
      <c r="D45" s="7" t="s">
        <v>1876</v>
      </c>
    </row>
    <row r="46" spans="1:4" s="3" customFormat="1" x14ac:dyDescent="0.15">
      <c r="A46" s="7" t="s">
        <v>1329</v>
      </c>
      <c r="B46" s="7"/>
      <c r="C46" s="7" t="s">
        <v>1255</v>
      </c>
      <c r="D46" s="7"/>
    </row>
    <row r="47" spans="1:4" s="3" customFormat="1" x14ac:dyDescent="0.15">
      <c r="A47" s="7" t="s">
        <v>1330</v>
      </c>
      <c r="B47" s="1" t="s">
        <v>307</v>
      </c>
      <c r="C47" s="7" t="s">
        <v>1331</v>
      </c>
      <c r="D47" s="7"/>
    </row>
    <row r="48" spans="1:4" s="3" customFormat="1" ht="34.5" customHeight="1" x14ac:dyDescent="0.15">
      <c r="A48" s="7" t="s">
        <v>1332</v>
      </c>
      <c r="B48" s="7" t="s">
        <v>1333</v>
      </c>
      <c r="C48" s="7" t="s">
        <v>1277</v>
      </c>
      <c r="D48" s="7" t="s">
        <v>2641</v>
      </c>
    </row>
    <row r="49" spans="1:5" s="3" customFormat="1" ht="34.5" x14ac:dyDescent="0.15">
      <c r="A49" s="7" t="s">
        <v>308</v>
      </c>
      <c r="B49" s="7" t="s">
        <v>309</v>
      </c>
      <c r="C49" s="7" t="s">
        <v>1255</v>
      </c>
      <c r="D49" s="7"/>
    </row>
    <row r="50" spans="1:5" s="3" customFormat="1" x14ac:dyDescent="0.15">
      <c r="A50" s="7" t="s">
        <v>310</v>
      </c>
      <c r="B50" s="7" t="s">
        <v>2518</v>
      </c>
      <c r="C50" s="7" t="s">
        <v>1645</v>
      </c>
      <c r="D50" s="52" t="s">
        <v>2493</v>
      </c>
      <c r="E50" s="10"/>
    </row>
    <row r="51" spans="1:5" s="3" customFormat="1" x14ac:dyDescent="0.15">
      <c r="A51" s="7" t="s">
        <v>1334</v>
      </c>
      <c r="B51" s="7"/>
      <c r="C51" s="7" t="s">
        <v>1335</v>
      </c>
      <c r="D51" s="7"/>
    </row>
    <row r="52" spans="1:5" s="3" customFormat="1" ht="34.5" x14ac:dyDescent="0.15">
      <c r="A52" s="7" t="s">
        <v>1336</v>
      </c>
      <c r="B52" s="7" t="s">
        <v>1337</v>
      </c>
      <c r="C52" s="7" t="s">
        <v>1277</v>
      </c>
      <c r="D52" s="7" t="s">
        <v>1877</v>
      </c>
    </row>
    <row r="53" spans="1:5" s="3" customFormat="1" x14ac:dyDescent="0.15">
      <c r="A53" s="7" t="s">
        <v>1338</v>
      </c>
      <c r="B53" s="7"/>
      <c r="C53" s="7" t="s">
        <v>1260</v>
      </c>
      <c r="D53" s="7"/>
    </row>
    <row r="54" spans="1:5" s="3" customFormat="1" x14ac:dyDescent="0.15">
      <c r="A54" s="52" t="s">
        <v>2490</v>
      </c>
      <c r="B54" s="53" t="s">
        <v>2492</v>
      </c>
      <c r="C54" s="54" t="s">
        <v>685</v>
      </c>
      <c r="D54" s="52" t="s">
        <v>2491</v>
      </c>
    </row>
    <row r="55" spans="1:5" s="3" customFormat="1" x14ac:dyDescent="0.15">
      <c r="A55" s="7" t="s">
        <v>311</v>
      </c>
      <c r="B55" s="7"/>
      <c r="C55" s="7" t="s">
        <v>701</v>
      </c>
      <c r="D55" s="7"/>
    </row>
    <row r="56" spans="1:5" s="3" customFormat="1" x14ac:dyDescent="0.15">
      <c r="A56" s="7" t="s">
        <v>1339</v>
      </c>
      <c r="B56" s="7"/>
      <c r="C56" s="7" t="s">
        <v>1340</v>
      </c>
      <c r="D56" s="7" t="s">
        <v>1878</v>
      </c>
    </row>
    <row r="57" spans="1:5" s="3" customFormat="1" x14ac:dyDescent="0.15">
      <c r="A57" s="7" t="s">
        <v>1341</v>
      </c>
      <c r="B57" s="7"/>
      <c r="C57" s="7" t="s">
        <v>1277</v>
      </c>
      <c r="D57" s="7"/>
    </row>
    <row r="58" spans="1:5" s="3" customFormat="1" x14ac:dyDescent="0.15">
      <c r="A58" s="7" t="s">
        <v>1342</v>
      </c>
      <c r="B58" s="7" t="s">
        <v>1343</v>
      </c>
      <c r="C58" s="7" t="s">
        <v>1344</v>
      </c>
      <c r="D58" s="7" t="s">
        <v>1879</v>
      </c>
    </row>
    <row r="59" spans="1:5" s="3" customFormat="1" x14ac:dyDescent="0.15">
      <c r="A59" s="7" t="s">
        <v>2605</v>
      </c>
      <c r="B59" s="7" t="s">
        <v>2606</v>
      </c>
      <c r="C59" s="7" t="s">
        <v>2604</v>
      </c>
      <c r="D59" s="7"/>
    </row>
    <row r="60" spans="1:5" s="3" customFormat="1" x14ac:dyDescent="0.15">
      <c r="A60" s="7" t="s">
        <v>1348</v>
      </c>
      <c r="B60" s="7" t="s">
        <v>1349</v>
      </c>
      <c r="C60" s="7" t="s">
        <v>1325</v>
      </c>
      <c r="D60" s="7"/>
    </row>
    <row r="61" spans="1:5" s="3" customFormat="1" x14ac:dyDescent="0.15">
      <c r="A61" s="7" t="s">
        <v>1352</v>
      </c>
      <c r="B61" s="7" t="s">
        <v>1353</v>
      </c>
      <c r="C61" s="7" t="s">
        <v>1354</v>
      </c>
      <c r="D61" s="7"/>
    </row>
    <row r="62" spans="1:5" s="3" customFormat="1" x14ac:dyDescent="0.15">
      <c r="A62" s="7" t="s">
        <v>1355</v>
      </c>
      <c r="B62" s="7"/>
      <c r="C62" s="7" t="s">
        <v>1279</v>
      </c>
      <c r="D62" s="7"/>
    </row>
    <row r="63" spans="1:5" s="2" customFormat="1" x14ac:dyDescent="0.15">
      <c r="A63" s="7" t="s">
        <v>312</v>
      </c>
      <c r="B63" s="7" t="s">
        <v>2640</v>
      </c>
      <c r="C63" s="7" t="s">
        <v>1267</v>
      </c>
      <c r="D63" s="7" t="s">
        <v>1880</v>
      </c>
    </row>
    <row r="64" spans="1:5" s="3" customFormat="1" ht="34.5" x14ac:dyDescent="0.15">
      <c r="A64" s="7" t="s">
        <v>313</v>
      </c>
      <c r="B64" s="7" t="s">
        <v>314</v>
      </c>
      <c r="C64" s="7" t="s">
        <v>1356</v>
      </c>
      <c r="D64" s="7"/>
    </row>
    <row r="65" spans="1:4" s="3" customFormat="1" x14ac:dyDescent="0.15">
      <c r="A65" s="1" t="s">
        <v>315</v>
      </c>
      <c r="B65" s="1"/>
      <c r="C65" s="1" t="s">
        <v>316</v>
      </c>
      <c r="D65" s="1"/>
    </row>
    <row r="66" spans="1:4" s="2" customFormat="1" x14ac:dyDescent="0.15">
      <c r="A66" s="7" t="s">
        <v>1357</v>
      </c>
      <c r="B66" s="7" t="s">
        <v>1358</v>
      </c>
      <c r="C66" s="7" t="s">
        <v>1277</v>
      </c>
      <c r="D66" s="7"/>
    </row>
    <row r="67" spans="1:4" s="3" customFormat="1" x14ac:dyDescent="0.15">
      <c r="A67" s="7" t="s">
        <v>1359</v>
      </c>
      <c r="B67" s="7"/>
      <c r="C67" s="7" t="s">
        <v>1255</v>
      </c>
      <c r="D67" s="7"/>
    </row>
    <row r="68" spans="1:4" s="3" customFormat="1" x14ac:dyDescent="0.15">
      <c r="A68" s="7" t="s">
        <v>2607</v>
      </c>
      <c r="B68" s="7"/>
      <c r="C68" s="7" t="s">
        <v>2604</v>
      </c>
      <c r="D68" s="7"/>
    </row>
    <row r="69" spans="1:4" s="3" customFormat="1" ht="34.5" x14ac:dyDescent="0.15">
      <c r="A69" s="1" t="s">
        <v>317</v>
      </c>
      <c r="B69" s="1" t="s">
        <v>318</v>
      </c>
      <c r="C69" s="1" t="s">
        <v>1642</v>
      </c>
      <c r="D69" s="1" t="s">
        <v>1881</v>
      </c>
    </row>
    <row r="70" spans="1:4" s="3" customFormat="1" ht="34.5" x14ac:dyDescent="0.15">
      <c r="A70" s="7" t="s">
        <v>1360</v>
      </c>
      <c r="B70" s="7"/>
      <c r="C70" s="7" t="s">
        <v>1267</v>
      </c>
      <c r="D70" s="7"/>
    </row>
    <row r="71" spans="1:4" s="3" customFormat="1" x14ac:dyDescent="0.15">
      <c r="A71" s="7" t="s">
        <v>1174</v>
      </c>
      <c r="B71" s="7" t="s">
        <v>1148</v>
      </c>
      <c r="C71" s="7" t="s">
        <v>1325</v>
      </c>
      <c r="D71" s="7"/>
    </row>
    <row r="72" spans="1:4" s="3" customFormat="1" x14ac:dyDescent="0.15">
      <c r="A72" s="7" t="s">
        <v>1361</v>
      </c>
      <c r="B72" s="7"/>
      <c r="C72" s="7" t="s">
        <v>1260</v>
      </c>
      <c r="D72" s="7"/>
    </row>
    <row r="73" spans="1:4" s="3" customFormat="1" x14ac:dyDescent="0.15">
      <c r="A73" s="7" t="s">
        <v>2608</v>
      </c>
      <c r="B73" s="7"/>
      <c r="C73" s="7" t="s">
        <v>2604</v>
      </c>
      <c r="D73" s="7"/>
    </row>
    <row r="74" spans="1:4" s="3" customFormat="1" ht="34.5" x14ac:dyDescent="0.15">
      <c r="A74" s="1" t="s">
        <v>319</v>
      </c>
      <c r="B74" s="1"/>
      <c r="C74" s="1" t="s">
        <v>1362</v>
      </c>
      <c r="D74" s="7" t="s">
        <v>1882</v>
      </c>
    </row>
    <row r="75" spans="1:4" s="3" customFormat="1" x14ac:dyDescent="0.15">
      <c r="A75" s="7" t="s">
        <v>1173</v>
      </c>
      <c r="B75" s="7" t="s">
        <v>140</v>
      </c>
      <c r="C75" s="7" t="s">
        <v>1277</v>
      </c>
      <c r="D75" s="7"/>
    </row>
    <row r="76" spans="1:4" s="3" customFormat="1" x14ac:dyDescent="0.15">
      <c r="A76" s="7" t="s">
        <v>1363</v>
      </c>
      <c r="B76" s="7" t="s">
        <v>1364</v>
      </c>
      <c r="C76" s="7" t="s">
        <v>1267</v>
      </c>
      <c r="D76" s="7" t="s">
        <v>1883</v>
      </c>
    </row>
    <row r="77" spans="1:4" s="3" customFormat="1" x14ac:dyDescent="0.15">
      <c r="A77" s="7" t="s">
        <v>1365</v>
      </c>
      <c r="B77" s="7" t="s">
        <v>1366</v>
      </c>
      <c r="C77" s="7" t="s">
        <v>1277</v>
      </c>
      <c r="D77" s="7"/>
    </row>
    <row r="78" spans="1:4" s="3" customFormat="1" x14ac:dyDescent="0.15">
      <c r="A78" s="7" t="s">
        <v>1367</v>
      </c>
      <c r="B78" s="7"/>
      <c r="C78" s="7" t="s">
        <v>1279</v>
      </c>
      <c r="D78" s="7" t="s">
        <v>1874</v>
      </c>
    </row>
    <row r="79" spans="1:4" s="3" customFormat="1" x14ac:dyDescent="0.15">
      <c r="A79" s="7" t="s">
        <v>1368</v>
      </c>
      <c r="B79" s="7"/>
      <c r="C79" s="7" t="s">
        <v>1331</v>
      </c>
      <c r="D79" s="7"/>
    </row>
    <row r="80" spans="1:4" s="3" customFormat="1" x14ac:dyDescent="0.15">
      <c r="A80" s="7" t="s">
        <v>1369</v>
      </c>
      <c r="B80" s="7" t="s">
        <v>1370</v>
      </c>
      <c r="C80" s="7" t="s">
        <v>1269</v>
      </c>
      <c r="D80" s="7"/>
    </row>
    <row r="81" spans="1:4" s="3" customFormat="1" x14ac:dyDescent="0.15">
      <c r="A81" s="7" t="s">
        <v>1371</v>
      </c>
      <c r="B81" s="7" t="s">
        <v>1372</v>
      </c>
      <c r="C81" s="7" t="s">
        <v>1260</v>
      </c>
      <c r="D81" s="7"/>
    </row>
    <row r="82" spans="1:4" s="3" customFormat="1" x14ac:dyDescent="0.15">
      <c r="A82" s="7" t="s">
        <v>1373</v>
      </c>
      <c r="B82" s="7" t="s">
        <v>1374</v>
      </c>
      <c r="C82" s="7" t="s">
        <v>1255</v>
      </c>
      <c r="D82" s="7"/>
    </row>
    <row r="83" spans="1:4" s="3" customFormat="1" x14ac:dyDescent="0.15">
      <c r="A83" s="7" t="s">
        <v>1375</v>
      </c>
      <c r="B83" s="7"/>
      <c r="C83" s="7" t="s">
        <v>1279</v>
      </c>
      <c r="D83" s="7"/>
    </row>
    <row r="84" spans="1:4" s="3" customFormat="1" ht="34.5" x14ac:dyDescent="0.15">
      <c r="A84" s="7" t="s">
        <v>1376</v>
      </c>
      <c r="B84" s="7" t="s">
        <v>2241</v>
      </c>
      <c r="C84" s="7" t="s">
        <v>1377</v>
      </c>
      <c r="D84" s="7"/>
    </row>
    <row r="85" spans="1:4" s="3" customFormat="1" x14ac:dyDescent="0.15">
      <c r="A85" s="7" t="s">
        <v>1378</v>
      </c>
      <c r="B85" s="7" t="s">
        <v>1379</v>
      </c>
      <c r="C85" s="7" t="s">
        <v>1269</v>
      </c>
      <c r="D85" s="7"/>
    </row>
    <row r="86" spans="1:4" s="3" customFormat="1" x14ac:dyDescent="0.15">
      <c r="A86" s="7" t="s">
        <v>1380</v>
      </c>
      <c r="B86" s="7" t="s">
        <v>1381</v>
      </c>
      <c r="C86" s="7" t="s">
        <v>1257</v>
      </c>
      <c r="D86" s="7" t="s">
        <v>1871</v>
      </c>
    </row>
    <row r="87" spans="1:4" s="3" customFormat="1" x14ac:dyDescent="0.15">
      <c r="A87" s="7" t="s">
        <v>1382</v>
      </c>
      <c r="B87" s="7" t="s">
        <v>1383</v>
      </c>
      <c r="C87" s="7" t="s">
        <v>1277</v>
      </c>
      <c r="D87" s="7"/>
    </row>
    <row r="88" spans="1:4" s="3" customFormat="1" x14ac:dyDescent="0.15">
      <c r="A88" s="7" t="s">
        <v>1384</v>
      </c>
      <c r="B88" s="7" t="s">
        <v>1385</v>
      </c>
      <c r="C88" s="7" t="s">
        <v>1325</v>
      </c>
      <c r="D88" s="7"/>
    </row>
    <row r="89" spans="1:4" s="3" customFormat="1" x14ac:dyDescent="0.15">
      <c r="A89" s="7" t="s">
        <v>1386</v>
      </c>
      <c r="B89" s="7" t="s">
        <v>1387</v>
      </c>
      <c r="C89" s="7" t="s">
        <v>1269</v>
      </c>
      <c r="D89" s="7" t="s">
        <v>1884</v>
      </c>
    </row>
    <row r="90" spans="1:4" s="3" customFormat="1" x14ac:dyDescent="0.15">
      <c r="A90" s="7" t="s">
        <v>1390</v>
      </c>
      <c r="B90" s="7" t="s">
        <v>1391</v>
      </c>
      <c r="C90" s="7" t="s">
        <v>1325</v>
      </c>
      <c r="D90" s="7" t="s">
        <v>1885</v>
      </c>
    </row>
    <row r="91" spans="1:4" s="3" customFormat="1" x14ac:dyDescent="0.15">
      <c r="A91" s="7" t="s">
        <v>1392</v>
      </c>
      <c r="B91" s="7" t="s">
        <v>1393</v>
      </c>
      <c r="C91" s="7" t="s">
        <v>1325</v>
      </c>
      <c r="D91" s="7"/>
    </row>
    <row r="92" spans="1:4" s="3" customFormat="1" x14ac:dyDescent="0.15">
      <c r="A92" s="7" t="s">
        <v>1394</v>
      </c>
      <c r="B92" s="7"/>
      <c r="C92" s="7" t="s">
        <v>1325</v>
      </c>
      <c r="D92" s="7"/>
    </row>
    <row r="93" spans="1:4" s="3" customFormat="1" x14ac:dyDescent="0.15">
      <c r="A93" s="7" t="s">
        <v>1395</v>
      </c>
      <c r="B93" s="7"/>
      <c r="C93" s="7" t="s">
        <v>1277</v>
      </c>
      <c r="D93" s="7"/>
    </row>
    <row r="94" spans="1:4" s="3" customFormat="1" x14ac:dyDescent="0.15">
      <c r="A94" s="7" t="s">
        <v>1398</v>
      </c>
      <c r="B94" s="7"/>
      <c r="C94" s="7" t="s">
        <v>1255</v>
      </c>
      <c r="D94" s="7"/>
    </row>
    <row r="95" spans="1:4" s="3" customFormat="1" ht="34.5" x14ac:dyDescent="0.15">
      <c r="A95" s="7" t="s">
        <v>141</v>
      </c>
      <c r="B95" s="7" t="s">
        <v>142</v>
      </c>
      <c r="C95" s="7" t="s">
        <v>1549</v>
      </c>
      <c r="D95" s="7"/>
    </row>
    <row r="96" spans="1:4" s="3" customFormat="1" ht="51.75" x14ac:dyDescent="0.15">
      <c r="A96" s="7" t="s">
        <v>1150</v>
      </c>
      <c r="B96" s="7" t="s">
        <v>1149</v>
      </c>
      <c r="C96" s="7" t="s">
        <v>1195</v>
      </c>
      <c r="D96" s="7" t="s">
        <v>1849</v>
      </c>
    </row>
    <row r="97" spans="1:4" s="3" customFormat="1" x14ac:dyDescent="0.15">
      <c r="A97" s="7" t="s">
        <v>1399</v>
      </c>
      <c r="B97" s="7" t="s">
        <v>1400</v>
      </c>
      <c r="C97" s="7" t="s">
        <v>1277</v>
      </c>
      <c r="D97" s="7" t="s">
        <v>1872</v>
      </c>
    </row>
    <row r="98" spans="1:4" s="3" customFormat="1" ht="34.5" x14ac:dyDescent="0.15">
      <c r="A98" s="7" t="s">
        <v>320</v>
      </c>
      <c r="B98" s="7" t="s">
        <v>1401</v>
      </c>
      <c r="C98" s="7" t="s">
        <v>685</v>
      </c>
      <c r="D98" s="32"/>
    </row>
    <row r="99" spans="1:4" s="3" customFormat="1" x14ac:dyDescent="0.15">
      <c r="A99" s="7" t="s">
        <v>1402</v>
      </c>
      <c r="B99" s="7"/>
      <c r="C99" s="7" t="s">
        <v>1403</v>
      </c>
      <c r="D99" s="7"/>
    </row>
    <row r="100" spans="1:4" s="3" customFormat="1" x14ac:dyDescent="0.15">
      <c r="A100" s="7" t="s">
        <v>1404</v>
      </c>
      <c r="B100" s="7"/>
      <c r="C100" s="7" t="s">
        <v>1405</v>
      </c>
      <c r="D100" s="7"/>
    </row>
    <row r="101" spans="1:4" s="3" customFormat="1" x14ac:dyDescent="0.15">
      <c r="A101" s="7" t="s">
        <v>1406</v>
      </c>
      <c r="B101" s="7"/>
      <c r="C101" s="7" t="s">
        <v>1260</v>
      </c>
      <c r="D101" s="7"/>
    </row>
    <row r="102" spans="1:4" s="3" customFormat="1" ht="34.5" x14ac:dyDescent="0.15">
      <c r="A102" s="7" t="s">
        <v>321</v>
      </c>
      <c r="B102" s="7" t="s">
        <v>322</v>
      </c>
      <c r="C102" s="7" t="s">
        <v>1407</v>
      </c>
      <c r="D102" s="7" t="s">
        <v>1201</v>
      </c>
    </row>
    <row r="103" spans="1:4" s="3" customFormat="1" x14ac:dyDescent="0.15">
      <c r="A103" s="7" t="s">
        <v>1408</v>
      </c>
      <c r="B103" s="7"/>
      <c r="C103" s="7" t="s">
        <v>1272</v>
      </c>
      <c r="D103" s="7"/>
    </row>
    <row r="104" spans="1:4" s="3" customFormat="1" x14ac:dyDescent="0.15">
      <c r="A104" s="7" t="s">
        <v>323</v>
      </c>
      <c r="B104" s="7" t="s">
        <v>2710</v>
      </c>
      <c r="C104" s="7" t="s">
        <v>1409</v>
      </c>
      <c r="D104" s="7"/>
    </row>
    <row r="105" spans="1:4" s="3" customFormat="1" x14ac:dyDescent="0.15">
      <c r="A105" s="7" t="s">
        <v>1410</v>
      </c>
      <c r="B105" s="7"/>
      <c r="C105" s="7" t="s">
        <v>1272</v>
      </c>
      <c r="D105" s="7"/>
    </row>
    <row r="106" spans="1:4" s="3" customFormat="1" x14ac:dyDescent="0.15">
      <c r="A106" s="7" t="s">
        <v>324</v>
      </c>
      <c r="B106" s="7" t="s">
        <v>1151</v>
      </c>
      <c r="C106" s="7" t="s">
        <v>1257</v>
      </c>
      <c r="D106" s="7"/>
    </row>
    <row r="107" spans="1:4" s="3" customFormat="1" x14ac:dyDescent="0.15">
      <c r="A107" s="7" t="s">
        <v>1411</v>
      </c>
      <c r="B107" s="7" t="s">
        <v>1412</v>
      </c>
      <c r="C107" s="7" t="s">
        <v>1413</v>
      </c>
      <c r="D107" s="7"/>
    </row>
    <row r="108" spans="1:4" s="3" customFormat="1" x14ac:dyDescent="0.15">
      <c r="A108" s="7" t="s">
        <v>1414</v>
      </c>
      <c r="B108" s="7" t="s">
        <v>1415</v>
      </c>
      <c r="C108" s="7" t="s">
        <v>1416</v>
      </c>
      <c r="D108" s="7" t="s">
        <v>1886</v>
      </c>
    </row>
    <row r="109" spans="1:4" s="3" customFormat="1" x14ac:dyDescent="0.15">
      <c r="A109" s="7" t="s">
        <v>1417</v>
      </c>
      <c r="B109" s="7" t="s">
        <v>1418</v>
      </c>
      <c r="C109" s="7" t="s">
        <v>1277</v>
      </c>
      <c r="D109" s="7"/>
    </row>
    <row r="110" spans="1:4" s="3" customFormat="1" ht="34.5" x14ac:dyDescent="0.15">
      <c r="A110" s="7" t="s">
        <v>2478</v>
      </c>
      <c r="B110" s="7" t="s">
        <v>2477</v>
      </c>
      <c r="C110" s="7" t="s">
        <v>1645</v>
      </c>
      <c r="D110" s="7"/>
    </row>
    <row r="111" spans="1:4" s="3" customFormat="1" x14ac:dyDescent="0.15">
      <c r="A111" s="7" t="s">
        <v>1419</v>
      </c>
      <c r="B111" s="7" t="s">
        <v>1420</v>
      </c>
      <c r="C111" s="7" t="s">
        <v>1325</v>
      </c>
      <c r="D111" s="7"/>
    </row>
    <row r="112" spans="1:4" s="3" customFormat="1" ht="34.5" x14ac:dyDescent="0.15">
      <c r="A112" s="7" t="s">
        <v>1345</v>
      </c>
      <c r="B112" s="7" t="s">
        <v>1196</v>
      </c>
      <c r="C112" s="7" t="s">
        <v>1346</v>
      </c>
      <c r="D112" s="7"/>
    </row>
    <row r="113" spans="1:4" s="3" customFormat="1" x14ac:dyDescent="0.15">
      <c r="A113" s="7" t="s">
        <v>1421</v>
      </c>
      <c r="B113" s="7"/>
      <c r="C113" s="7" t="s">
        <v>1277</v>
      </c>
      <c r="D113" s="7" t="s">
        <v>1874</v>
      </c>
    </row>
    <row r="114" spans="1:4" s="3" customFormat="1" x14ac:dyDescent="0.15">
      <c r="A114" s="1" t="s">
        <v>325</v>
      </c>
      <c r="B114" s="1" t="s">
        <v>326</v>
      </c>
      <c r="C114" s="1" t="s">
        <v>327</v>
      </c>
      <c r="D114" s="1" t="s">
        <v>841</v>
      </c>
    </row>
    <row r="115" spans="1:4" s="3" customFormat="1" ht="34.5" x14ac:dyDescent="0.15">
      <c r="A115" s="7" t="s">
        <v>328</v>
      </c>
      <c r="B115" s="7" t="s">
        <v>1422</v>
      </c>
      <c r="C115" s="7" t="s">
        <v>1423</v>
      </c>
      <c r="D115" s="7" t="s">
        <v>1887</v>
      </c>
    </row>
    <row r="116" spans="1:4" s="3" customFormat="1" x14ac:dyDescent="0.15">
      <c r="A116" s="7" t="s">
        <v>1424</v>
      </c>
      <c r="B116" s="7" t="s">
        <v>1425</v>
      </c>
      <c r="C116" s="7" t="s">
        <v>1269</v>
      </c>
      <c r="D116" s="7"/>
    </row>
    <row r="117" spans="1:4" s="3" customFormat="1" x14ac:dyDescent="0.15">
      <c r="A117" s="7" t="s">
        <v>1426</v>
      </c>
      <c r="B117" s="7" t="s">
        <v>329</v>
      </c>
      <c r="C117" s="7" t="s">
        <v>1255</v>
      </c>
      <c r="D117" s="7"/>
    </row>
    <row r="118" spans="1:4" s="3" customFormat="1" x14ac:dyDescent="0.15">
      <c r="A118" s="7" t="s">
        <v>1427</v>
      </c>
      <c r="B118" s="7" t="s">
        <v>1428</v>
      </c>
      <c r="C118" s="7" t="s">
        <v>1269</v>
      </c>
      <c r="D118" s="7" t="s">
        <v>1888</v>
      </c>
    </row>
    <row r="119" spans="1:4" s="3" customFormat="1" ht="34.5" x14ac:dyDescent="0.15">
      <c r="A119" s="7" t="s">
        <v>330</v>
      </c>
      <c r="B119" s="7" t="s">
        <v>1429</v>
      </c>
      <c r="C119" s="7" t="s">
        <v>1277</v>
      </c>
      <c r="D119" s="7" t="s">
        <v>1889</v>
      </c>
    </row>
    <row r="120" spans="1:4" s="3" customFormat="1" x14ac:dyDescent="0.15">
      <c r="A120" s="7" t="s">
        <v>1430</v>
      </c>
      <c r="B120" s="7" t="s">
        <v>1431</v>
      </c>
      <c r="C120" s="7" t="s">
        <v>1344</v>
      </c>
      <c r="D120" s="7"/>
    </row>
    <row r="121" spans="1:4" s="3" customFormat="1" x14ac:dyDescent="0.15">
      <c r="A121" s="7" t="s">
        <v>1432</v>
      </c>
      <c r="B121" s="7"/>
      <c r="C121" s="7" t="s">
        <v>1433</v>
      </c>
      <c r="D121" s="7"/>
    </row>
    <row r="122" spans="1:4" s="3" customFormat="1" x14ac:dyDescent="0.15">
      <c r="A122" s="7" t="s">
        <v>1434</v>
      </c>
      <c r="B122" s="7" t="s">
        <v>1435</v>
      </c>
      <c r="C122" s="7" t="s">
        <v>1257</v>
      </c>
      <c r="D122" s="7"/>
    </row>
    <row r="123" spans="1:4" s="3" customFormat="1" x14ac:dyDescent="0.15">
      <c r="A123" s="1" t="s">
        <v>1436</v>
      </c>
      <c r="B123" s="1"/>
      <c r="C123" s="1" t="s">
        <v>1277</v>
      </c>
      <c r="D123" s="7" t="s">
        <v>1890</v>
      </c>
    </row>
    <row r="124" spans="1:4" s="3" customFormat="1" x14ac:dyDescent="0.15">
      <c r="A124" s="7" t="s">
        <v>1437</v>
      </c>
      <c r="B124" s="7"/>
      <c r="C124" s="7" t="s">
        <v>1260</v>
      </c>
      <c r="D124" s="7"/>
    </row>
    <row r="125" spans="1:4" s="3" customFormat="1" x14ac:dyDescent="0.15">
      <c r="A125" s="7" t="s">
        <v>1438</v>
      </c>
      <c r="B125" s="7" t="s">
        <v>331</v>
      </c>
      <c r="C125" s="7" t="s">
        <v>1439</v>
      </c>
      <c r="D125" s="1"/>
    </row>
    <row r="126" spans="1:4" s="3" customFormat="1" ht="34.5" x14ac:dyDescent="0.15">
      <c r="A126" s="7" t="s">
        <v>332</v>
      </c>
      <c r="B126" s="7"/>
      <c r="C126" s="7" t="s">
        <v>1267</v>
      </c>
      <c r="D126" s="7" t="s">
        <v>1891</v>
      </c>
    </row>
    <row r="127" spans="1:4" s="3" customFormat="1" x14ac:dyDescent="0.15">
      <c r="A127" s="7" t="s">
        <v>1440</v>
      </c>
      <c r="B127" s="7" t="s">
        <v>1441</v>
      </c>
      <c r="C127" s="7" t="s">
        <v>1442</v>
      </c>
      <c r="D127" s="7"/>
    </row>
    <row r="128" spans="1:4" s="3" customFormat="1" x14ac:dyDescent="0.15">
      <c r="A128" s="7" t="s">
        <v>1443</v>
      </c>
      <c r="B128" s="7" t="s">
        <v>1444</v>
      </c>
      <c r="C128" s="7" t="s">
        <v>1445</v>
      </c>
      <c r="D128" s="7"/>
    </row>
    <row r="129" spans="1:4" s="3" customFormat="1" x14ac:dyDescent="0.15">
      <c r="A129" s="7" t="s">
        <v>1446</v>
      </c>
      <c r="B129" s="7" t="s">
        <v>1447</v>
      </c>
      <c r="C129" s="7" t="s">
        <v>1269</v>
      </c>
      <c r="D129" s="7" t="s">
        <v>1892</v>
      </c>
    </row>
    <row r="130" spans="1:4" s="3" customFormat="1" x14ac:dyDescent="0.15">
      <c r="A130" s="7" t="s">
        <v>1448</v>
      </c>
      <c r="B130" s="7" t="s">
        <v>1449</v>
      </c>
      <c r="C130" s="7" t="s">
        <v>1257</v>
      </c>
      <c r="D130" s="7"/>
    </row>
    <row r="131" spans="1:4" s="3" customFormat="1" x14ac:dyDescent="0.15">
      <c r="A131" s="7" t="s">
        <v>1450</v>
      </c>
      <c r="B131" s="7" t="s">
        <v>1451</v>
      </c>
      <c r="C131" s="7" t="s">
        <v>1277</v>
      </c>
      <c r="D131" s="7"/>
    </row>
    <row r="132" spans="1:4" s="3" customFormat="1" x14ac:dyDescent="0.15">
      <c r="A132" s="7" t="s">
        <v>1452</v>
      </c>
      <c r="B132" s="7"/>
      <c r="C132" s="7" t="s">
        <v>1269</v>
      </c>
      <c r="D132" s="7" t="s">
        <v>1872</v>
      </c>
    </row>
    <row r="133" spans="1:4" s="3" customFormat="1" x14ac:dyDescent="0.15">
      <c r="A133" s="7" t="s">
        <v>1453</v>
      </c>
      <c r="B133" s="7"/>
      <c r="C133" s="7" t="s">
        <v>1277</v>
      </c>
      <c r="D133" s="7"/>
    </row>
    <row r="134" spans="1:4" s="3" customFormat="1" x14ac:dyDescent="0.15">
      <c r="A134" s="7" t="s">
        <v>1454</v>
      </c>
      <c r="B134" s="7" t="s">
        <v>1455</v>
      </c>
      <c r="C134" s="7" t="s">
        <v>1269</v>
      </c>
      <c r="D134" s="7" t="s">
        <v>1892</v>
      </c>
    </row>
    <row r="135" spans="1:4" s="3" customFormat="1" ht="34.5" x14ac:dyDescent="0.15">
      <c r="A135" s="7" t="s">
        <v>333</v>
      </c>
      <c r="B135" s="7" t="s">
        <v>334</v>
      </c>
      <c r="C135" s="7" t="s">
        <v>1277</v>
      </c>
      <c r="D135" s="7" t="s">
        <v>1893</v>
      </c>
    </row>
    <row r="136" spans="1:4" s="3" customFormat="1" ht="34.5" x14ac:dyDescent="0.15">
      <c r="A136" s="7" t="s">
        <v>1457</v>
      </c>
      <c r="B136" s="7" t="s">
        <v>335</v>
      </c>
      <c r="C136" s="7" t="s">
        <v>1458</v>
      </c>
      <c r="D136" s="7" t="s">
        <v>336</v>
      </c>
    </row>
    <row r="137" spans="1:4" s="3" customFormat="1" ht="34.5" x14ac:dyDescent="0.15">
      <c r="A137" s="7" t="s">
        <v>1459</v>
      </c>
      <c r="B137" s="7" t="s">
        <v>1460</v>
      </c>
      <c r="C137" s="7" t="s">
        <v>1461</v>
      </c>
      <c r="D137" s="7" t="s">
        <v>1892</v>
      </c>
    </row>
    <row r="138" spans="1:4" s="3" customFormat="1" x14ac:dyDescent="0.15">
      <c r="A138" s="7" t="s">
        <v>1462</v>
      </c>
      <c r="B138" s="7" t="s">
        <v>1463</v>
      </c>
      <c r="C138" s="7" t="s">
        <v>1464</v>
      </c>
      <c r="D138" s="7"/>
    </row>
    <row r="139" spans="1:4" s="3" customFormat="1" x14ac:dyDescent="0.15">
      <c r="A139" s="7" t="s">
        <v>1465</v>
      </c>
      <c r="B139" s="7" t="s">
        <v>1466</v>
      </c>
      <c r="C139" s="7" t="s">
        <v>1260</v>
      </c>
      <c r="D139" s="7"/>
    </row>
    <row r="140" spans="1:4" s="3" customFormat="1" x14ac:dyDescent="0.15">
      <c r="A140" s="7" t="s">
        <v>1467</v>
      </c>
      <c r="B140" s="7"/>
      <c r="C140" s="7" t="s">
        <v>1325</v>
      </c>
      <c r="D140" s="7"/>
    </row>
    <row r="141" spans="1:4" s="3" customFormat="1" x14ac:dyDescent="0.15">
      <c r="A141" s="7" t="s">
        <v>1468</v>
      </c>
      <c r="B141" s="7" t="s">
        <v>1469</v>
      </c>
      <c r="C141" s="7" t="s">
        <v>1267</v>
      </c>
      <c r="D141" s="7"/>
    </row>
    <row r="142" spans="1:4" s="3" customFormat="1" x14ac:dyDescent="0.15">
      <c r="A142" s="7" t="s">
        <v>1470</v>
      </c>
      <c r="B142" s="7" t="s">
        <v>1471</v>
      </c>
      <c r="C142" s="7" t="s">
        <v>1325</v>
      </c>
      <c r="D142" s="7"/>
    </row>
    <row r="143" spans="1:4" s="3" customFormat="1" x14ac:dyDescent="0.15">
      <c r="A143" s="7" t="s">
        <v>1472</v>
      </c>
      <c r="B143" s="7" t="s">
        <v>1473</v>
      </c>
      <c r="C143" s="7" t="s">
        <v>1269</v>
      </c>
      <c r="D143" s="7"/>
    </row>
    <row r="144" spans="1:4" s="3" customFormat="1" x14ac:dyDescent="0.15">
      <c r="A144" s="7" t="s">
        <v>1475</v>
      </c>
      <c r="B144" s="7" t="s">
        <v>1476</v>
      </c>
      <c r="C144" s="7" t="s">
        <v>1416</v>
      </c>
      <c r="D144" s="7" t="s">
        <v>1894</v>
      </c>
    </row>
    <row r="145" spans="1:4" s="3" customFormat="1" x14ac:dyDescent="0.15">
      <c r="A145" s="7" t="s">
        <v>1479</v>
      </c>
      <c r="B145" s="7"/>
      <c r="C145" s="7" t="s">
        <v>1267</v>
      </c>
      <c r="D145" s="7"/>
    </row>
    <row r="146" spans="1:4" s="3" customFormat="1" x14ac:dyDescent="0.15">
      <c r="A146" s="7" t="s">
        <v>1480</v>
      </c>
      <c r="B146" s="7" t="s">
        <v>1481</v>
      </c>
      <c r="C146" s="7" t="s">
        <v>1482</v>
      </c>
      <c r="D146" s="7"/>
    </row>
    <row r="147" spans="1:4" s="3" customFormat="1" x14ac:dyDescent="0.15">
      <c r="A147" s="7" t="s">
        <v>1483</v>
      </c>
      <c r="B147" s="7" t="s">
        <v>1484</v>
      </c>
      <c r="C147" s="7" t="s">
        <v>1269</v>
      </c>
      <c r="D147" s="7" t="s">
        <v>1872</v>
      </c>
    </row>
    <row r="148" spans="1:4" s="3" customFormat="1" x14ac:dyDescent="0.15">
      <c r="A148" s="7" t="s">
        <v>1485</v>
      </c>
      <c r="B148" s="7" t="s">
        <v>2623</v>
      </c>
      <c r="C148" s="7" t="s">
        <v>2624</v>
      </c>
      <c r="D148" s="32"/>
    </row>
    <row r="149" spans="1:4" s="3" customFormat="1" x14ac:dyDescent="0.15">
      <c r="A149" s="7" t="s">
        <v>1486</v>
      </c>
      <c r="B149" s="7" t="s">
        <v>1487</v>
      </c>
      <c r="C149" s="7" t="s">
        <v>1295</v>
      </c>
      <c r="D149" s="7"/>
    </row>
    <row r="150" spans="1:4" s="3" customFormat="1" x14ac:dyDescent="0.15">
      <c r="A150" s="7" t="s">
        <v>1488</v>
      </c>
      <c r="B150" s="7"/>
      <c r="C150" s="7" t="s">
        <v>1257</v>
      </c>
      <c r="D150" s="7"/>
    </row>
    <row r="151" spans="1:4" s="3" customFormat="1" x14ac:dyDescent="0.15">
      <c r="A151" s="7" t="s">
        <v>1489</v>
      </c>
      <c r="B151" s="7"/>
      <c r="C151" s="7" t="s">
        <v>1277</v>
      </c>
      <c r="D151" s="7"/>
    </row>
    <row r="152" spans="1:4" s="3" customFormat="1" x14ac:dyDescent="0.15">
      <c r="A152" s="7" t="s">
        <v>1491</v>
      </c>
      <c r="B152" s="7"/>
      <c r="C152" s="7" t="s">
        <v>1277</v>
      </c>
      <c r="D152" s="7" t="s">
        <v>1872</v>
      </c>
    </row>
    <row r="153" spans="1:4" s="3" customFormat="1" x14ac:dyDescent="0.15">
      <c r="A153" s="7" t="s">
        <v>1492</v>
      </c>
      <c r="B153" s="7"/>
      <c r="C153" s="7" t="s">
        <v>1493</v>
      </c>
      <c r="D153" s="7"/>
    </row>
    <row r="154" spans="1:4" s="3" customFormat="1" x14ac:dyDescent="0.15">
      <c r="A154" s="7" t="s">
        <v>1494</v>
      </c>
      <c r="B154" s="7" t="s">
        <v>1495</v>
      </c>
      <c r="C154" s="7" t="s">
        <v>1269</v>
      </c>
      <c r="D154" s="7"/>
    </row>
    <row r="155" spans="1:4" s="3" customFormat="1" ht="34.5" x14ac:dyDescent="0.15">
      <c r="A155" s="1" t="s">
        <v>1685</v>
      </c>
      <c r="B155" s="1" t="s">
        <v>1686</v>
      </c>
      <c r="C155" s="1" t="s">
        <v>1645</v>
      </c>
      <c r="D155" s="1"/>
    </row>
    <row r="156" spans="1:4" s="3" customFormat="1" x14ac:dyDescent="0.15">
      <c r="A156" s="7" t="s">
        <v>1496</v>
      </c>
      <c r="B156" s="7" t="s">
        <v>1497</v>
      </c>
      <c r="C156" s="7" t="s">
        <v>1269</v>
      </c>
      <c r="D156" s="7"/>
    </row>
    <row r="157" spans="1:4" s="3" customFormat="1" x14ac:dyDescent="0.15">
      <c r="A157" s="7" t="s">
        <v>337</v>
      </c>
      <c r="B157" s="7" t="s">
        <v>1498</v>
      </c>
      <c r="C157" s="7" t="s">
        <v>1499</v>
      </c>
      <c r="D157" s="7"/>
    </row>
    <row r="158" spans="1:4" s="3" customFormat="1" x14ac:dyDescent="0.15">
      <c r="A158" s="7" t="s">
        <v>1500</v>
      </c>
      <c r="B158" s="7" t="s">
        <v>1501</v>
      </c>
      <c r="C158" s="7" t="s">
        <v>1502</v>
      </c>
      <c r="D158" s="7" t="s">
        <v>1872</v>
      </c>
    </row>
    <row r="159" spans="1:4" s="3" customFormat="1" x14ac:dyDescent="0.15">
      <c r="A159" s="7" t="s">
        <v>1503</v>
      </c>
      <c r="B159" s="7" t="s">
        <v>1504</v>
      </c>
      <c r="C159" s="7" t="s">
        <v>1505</v>
      </c>
      <c r="D159" s="7"/>
    </row>
    <row r="160" spans="1:4" s="3" customFormat="1" ht="34.5" x14ac:dyDescent="0.15">
      <c r="A160" s="7" t="s">
        <v>338</v>
      </c>
      <c r="B160" s="7" t="s">
        <v>143</v>
      </c>
      <c r="C160" s="7" t="s">
        <v>1405</v>
      </c>
      <c r="D160" s="7"/>
    </row>
    <row r="161" spans="1:4" s="3" customFormat="1" x14ac:dyDescent="0.15">
      <c r="A161" s="7" t="s">
        <v>1506</v>
      </c>
      <c r="B161" s="7"/>
      <c r="C161" s="7" t="s">
        <v>1295</v>
      </c>
      <c r="D161" s="7"/>
    </row>
    <row r="162" spans="1:4" s="3" customFormat="1" x14ac:dyDescent="0.15">
      <c r="A162" s="7" t="s">
        <v>1507</v>
      </c>
      <c r="B162" s="7" t="s">
        <v>1508</v>
      </c>
      <c r="C162" s="7" t="s">
        <v>1295</v>
      </c>
      <c r="D162" s="7"/>
    </row>
    <row r="163" spans="1:4" s="3" customFormat="1" x14ac:dyDescent="0.15">
      <c r="A163" s="7" t="s">
        <v>1509</v>
      </c>
      <c r="B163" s="7" t="s">
        <v>1510</v>
      </c>
      <c r="C163" s="7" t="s">
        <v>1277</v>
      </c>
      <c r="D163" s="7" t="s">
        <v>1895</v>
      </c>
    </row>
    <row r="164" spans="1:4" s="3" customFormat="1" x14ac:dyDescent="0.15">
      <c r="A164" s="7" t="s">
        <v>1511</v>
      </c>
      <c r="B164" s="7" t="s">
        <v>1512</v>
      </c>
      <c r="C164" s="7" t="s">
        <v>1267</v>
      </c>
      <c r="D164" s="7" t="s">
        <v>1871</v>
      </c>
    </row>
    <row r="165" spans="1:4" s="3" customFormat="1" x14ac:dyDescent="0.15">
      <c r="A165" s="7" t="s">
        <v>1513</v>
      </c>
      <c r="B165" s="7" t="s">
        <v>1514</v>
      </c>
      <c r="C165" s="7" t="s">
        <v>1277</v>
      </c>
      <c r="D165" s="7" t="s">
        <v>2486</v>
      </c>
    </row>
    <row r="166" spans="1:4" s="3" customFormat="1" x14ac:dyDescent="0.15">
      <c r="A166" s="7" t="s">
        <v>1515</v>
      </c>
      <c r="B166" s="7" t="s">
        <v>1516</v>
      </c>
      <c r="C166" s="7" t="s">
        <v>1277</v>
      </c>
      <c r="D166" s="7"/>
    </row>
    <row r="167" spans="1:4" s="3" customFormat="1" ht="51.75" x14ac:dyDescent="0.15">
      <c r="A167" s="7" t="s">
        <v>1517</v>
      </c>
      <c r="B167" s="7" t="s">
        <v>339</v>
      </c>
      <c r="C167" s="7" t="s">
        <v>1260</v>
      </c>
      <c r="D167" s="7" t="s">
        <v>1125</v>
      </c>
    </row>
    <row r="168" spans="1:4" s="3" customFormat="1" ht="69" customHeight="1" x14ac:dyDescent="0.15">
      <c r="A168" s="7" t="s">
        <v>340</v>
      </c>
      <c r="B168" s="7" t="s">
        <v>341</v>
      </c>
      <c r="C168" s="7" t="s">
        <v>1458</v>
      </c>
      <c r="D168" s="7" t="s">
        <v>1657</v>
      </c>
    </row>
    <row r="169" spans="1:4" s="3" customFormat="1" x14ac:dyDescent="0.15">
      <c r="A169" s="7" t="s">
        <v>1518</v>
      </c>
      <c r="B169" s="7"/>
      <c r="C169" s="7" t="s">
        <v>1267</v>
      </c>
      <c r="D169" s="7" t="s">
        <v>1883</v>
      </c>
    </row>
    <row r="170" spans="1:4" s="3" customFormat="1" x14ac:dyDescent="0.15">
      <c r="A170" s="7" t="s">
        <v>1519</v>
      </c>
      <c r="B170" s="7"/>
      <c r="C170" s="7" t="s">
        <v>1260</v>
      </c>
      <c r="D170" s="7"/>
    </row>
    <row r="171" spans="1:4" s="3" customFormat="1" ht="69" x14ac:dyDescent="0.15">
      <c r="A171" s="7" t="s">
        <v>1520</v>
      </c>
      <c r="B171" s="7" t="s">
        <v>342</v>
      </c>
      <c r="C171" s="7" t="s">
        <v>1269</v>
      </c>
      <c r="D171" s="7" t="s">
        <v>343</v>
      </c>
    </row>
    <row r="172" spans="1:4" s="3" customFormat="1" x14ac:dyDescent="0.15">
      <c r="A172" s="7" t="s">
        <v>1521</v>
      </c>
      <c r="B172" s="7" t="s">
        <v>2712</v>
      </c>
      <c r="C172" s="7" t="s">
        <v>1267</v>
      </c>
      <c r="D172" s="7"/>
    </row>
    <row r="173" spans="1:4" s="3" customFormat="1" x14ac:dyDescent="0.15">
      <c r="A173" s="7" t="s">
        <v>1522</v>
      </c>
      <c r="B173" s="7"/>
      <c r="C173" s="7" t="s">
        <v>1255</v>
      </c>
      <c r="D173" s="7" t="s">
        <v>1896</v>
      </c>
    </row>
    <row r="174" spans="1:4" s="3" customFormat="1" x14ac:dyDescent="0.15">
      <c r="A174" s="7" t="s">
        <v>1523</v>
      </c>
      <c r="B174" s="7" t="s">
        <v>1524</v>
      </c>
      <c r="C174" s="7" t="s">
        <v>1277</v>
      </c>
      <c r="D174" s="7"/>
    </row>
    <row r="175" spans="1:4" s="3" customFormat="1" x14ac:dyDescent="0.15">
      <c r="A175" s="7" t="s">
        <v>344</v>
      </c>
      <c r="B175" s="7" t="s">
        <v>2711</v>
      </c>
      <c r="C175" s="7" t="s">
        <v>1328</v>
      </c>
      <c r="D175" s="32"/>
    </row>
    <row r="176" spans="1:4" s="3" customFormat="1" x14ac:dyDescent="0.15">
      <c r="A176" s="7" t="s">
        <v>1525</v>
      </c>
      <c r="B176" s="7" t="s">
        <v>1526</v>
      </c>
      <c r="C176" s="7" t="s">
        <v>1325</v>
      </c>
      <c r="D176" s="7"/>
    </row>
    <row r="177" spans="1:4" s="3" customFormat="1" x14ac:dyDescent="0.15">
      <c r="A177" s="7" t="s">
        <v>1527</v>
      </c>
      <c r="B177" s="1"/>
      <c r="C177" s="7" t="s">
        <v>1528</v>
      </c>
      <c r="D177" s="7"/>
    </row>
    <row r="178" spans="1:4" s="3" customFormat="1" x14ac:dyDescent="0.15">
      <c r="A178" s="7" t="s">
        <v>1530</v>
      </c>
      <c r="B178" s="7"/>
      <c r="C178" s="7" t="s">
        <v>1260</v>
      </c>
      <c r="D178" s="7"/>
    </row>
    <row r="179" spans="1:4" s="3" customFormat="1" ht="34.5" x14ac:dyDescent="0.15">
      <c r="A179" s="7" t="s">
        <v>1531</v>
      </c>
      <c r="B179" s="7" t="s">
        <v>1532</v>
      </c>
      <c r="C179" s="7" t="s">
        <v>1260</v>
      </c>
      <c r="D179" s="7"/>
    </row>
    <row r="180" spans="1:4" s="3" customFormat="1" x14ac:dyDescent="0.15">
      <c r="A180" s="7" t="s">
        <v>1533</v>
      </c>
      <c r="B180" s="7" t="s">
        <v>1534</v>
      </c>
      <c r="C180" s="7" t="s">
        <v>1445</v>
      </c>
      <c r="D180" s="7"/>
    </row>
    <row r="181" spans="1:4" s="3" customFormat="1" x14ac:dyDescent="0.15">
      <c r="A181" s="7" t="s">
        <v>1535</v>
      </c>
      <c r="B181" s="7"/>
      <c r="C181" s="7" t="s">
        <v>1267</v>
      </c>
      <c r="D181" s="7"/>
    </row>
    <row r="182" spans="1:4" s="3" customFormat="1" x14ac:dyDescent="0.15">
      <c r="A182" s="7" t="s">
        <v>1536</v>
      </c>
      <c r="B182" s="7"/>
      <c r="C182" s="7" t="s">
        <v>1416</v>
      </c>
      <c r="D182" s="7"/>
    </row>
    <row r="183" spans="1:4" s="3" customFormat="1" x14ac:dyDescent="0.15">
      <c r="A183" s="7" t="s">
        <v>1537</v>
      </c>
      <c r="B183" s="7"/>
      <c r="C183" s="7" t="s">
        <v>1538</v>
      </c>
      <c r="D183" s="7"/>
    </row>
    <row r="184" spans="1:4" s="3" customFormat="1" x14ac:dyDescent="0.15">
      <c r="A184" s="7" t="s">
        <v>1539</v>
      </c>
      <c r="B184" s="7" t="s">
        <v>1540</v>
      </c>
      <c r="C184" s="7" t="s">
        <v>1541</v>
      </c>
      <c r="D184" s="7" t="s">
        <v>1897</v>
      </c>
    </row>
    <row r="185" spans="1:4" s="3" customFormat="1" ht="34.5" x14ac:dyDescent="0.15">
      <c r="A185" s="7" t="s">
        <v>1542</v>
      </c>
      <c r="B185" s="7" t="s">
        <v>1543</v>
      </c>
      <c r="C185" s="7" t="s">
        <v>1544</v>
      </c>
      <c r="D185" s="7"/>
    </row>
    <row r="186" spans="1:4" s="3" customFormat="1" x14ac:dyDescent="0.15">
      <c r="A186" s="7" t="s">
        <v>1545</v>
      </c>
      <c r="B186" s="7"/>
      <c r="C186" s="7" t="s">
        <v>1277</v>
      </c>
      <c r="D186" s="7"/>
    </row>
    <row r="187" spans="1:4" s="3" customFormat="1" x14ac:dyDescent="0.15">
      <c r="A187" s="7" t="s">
        <v>1546</v>
      </c>
      <c r="B187" s="7" t="s">
        <v>1547</v>
      </c>
      <c r="C187" s="7" t="s">
        <v>1277</v>
      </c>
      <c r="D187" s="7"/>
    </row>
    <row r="188" spans="1:4" s="3" customFormat="1" x14ac:dyDescent="0.15">
      <c r="A188" s="7" t="s">
        <v>1548</v>
      </c>
      <c r="B188" s="7"/>
      <c r="C188" s="7" t="s">
        <v>1267</v>
      </c>
      <c r="D188" s="7"/>
    </row>
    <row r="189" spans="1:4" s="3" customFormat="1" x14ac:dyDescent="0.15">
      <c r="A189" s="7" t="s">
        <v>2609</v>
      </c>
      <c r="B189" s="7"/>
      <c r="C189" s="7" t="s">
        <v>2604</v>
      </c>
      <c r="D189" s="7"/>
    </row>
    <row r="190" spans="1:4" s="3" customFormat="1" x14ac:dyDescent="0.15">
      <c r="A190" s="7" t="s">
        <v>1550</v>
      </c>
      <c r="B190" s="7"/>
      <c r="C190" s="7" t="s">
        <v>345</v>
      </c>
      <c r="D190" s="7"/>
    </row>
    <row r="191" spans="1:4" s="3" customFormat="1" x14ac:dyDescent="0.15">
      <c r="A191" s="7" t="s">
        <v>1551</v>
      </c>
      <c r="B191" s="7" t="s">
        <v>1552</v>
      </c>
      <c r="C191" s="7" t="s">
        <v>1295</v>
      </c>
      <c r="D191" s="7"/>
    </row>
    <row r="192" spans="1:4" s="3" customFormat="1" x14ac:dyDescent="0.15">
      <c r="A192" s="7" t="s">
        <v>1553</v>
      </c>
      <c r="B192" s="7" t="s">
        <v>1554</v>
      </c>
      <c r="C192" s="7" t="s">
        <v>1555</v>
      </c>
      <c r="D192" s="7"/>
    </row>
    <row r="193" spans="1:5" s="2" customFormat="1" x14ac:dyDescent="0.15">
      <c r="A193" s="7" t="s">
        <v>1556</v>
      </c>
      <c r="B193" s="7" t="s">
        <v>1557</v>
      </c>
      <c r="C193" s="7" t="s">
        <v>1277</v>
      </c>
      <c r="D193" s="7"/>
      <c r="E193" s="55"/>
    </row>
    <row r="194" spans="1:5" s="3" customFormat="1" x14ac:dyDescent="0.15">
      <c r="A194" s="7" t="s">
        <v>1558</v>
      </c>
      <c r="B194" s="7" t="s">
        <v>1559</v>
      </c>
      <c r="C194" s="7" t="s">
        <v>1269</v>
      </c>
      <c r="D194" s="7"/>
    </row>
    <row r="195" spans="1:5" s="3" customFormat="1" x14ac:dyDescent="0.15">
      <c r="A195" s="7" t="s">
        <v>1560</v>
      </c>
      <c r="B195" s="7"/>
      <c r="C195" s="7" t="s">
        <v>1561</v>
      </c>
      <c r="D195" s="7"/>
    </row>
    <row r="196" spans="1:5" s="3" customFormat="1" x14ac:dyDescent="0.15">
      <c r="A196" s="7" t="s">
        <v>1562</v>
      </c>
      <c r="B196" s="7"/>
      <c r="C196" s="7" t="s">
        <v>1563</v>
      </c>
      <c r="D196" s="7"/>
    </row>
    <row r="197" spans="1:5" s="3" customFormat="1" x14ac:dyDescent="0.15">
      <c r="A197" s="1" t="s">
        <v>346</v>
      </c>
      <c r="B197" s="1" t="s">
        <v>347</v>
      </c>
      <c r="C197" s="1" t="s">
        <v>1643</v>
      </c>
      <c r="D197" s="34"/>
    </row>
    <row r="198" spans="1:5" s="3" customFormat="1" x14ac:dyDescent="0.15">
      <c r="A198" s="7" t="s">
        <v>1564</v>
      </c>
      <c r="B198" s="7" t="s">
        <v>1565</v>
      </c>
      <c r="C198" s="7" t="s">
        <v>1566</v>
      </c>
      <c r="D198" s="7"/>
    </row>
    <row r="199" spans="1:5" s="3" customFormat="1" x14ac:dyDescent="0.15">
      <c r="A199" s="7" t="s">
        <v>2610</v>
      </c>
      <c r="B199" s="7" t="s">
        <v>2611</v>
      </c>
      <c r="C199" s="7" t="s">
        <v>2604</v>
      </c>
      <c r="D199" s="7"/>
    </row>
    <row r="200" spans="1:5" s="3" customFormat="1" x14ac:dyDescent="0.15">
      <c r="A200" s="7" t="s">
        <v>575</v>
      </c>
      <c r="B200" s="7" t="s">
        <v>1132</v>
      </c>
      <c r="C200" s="7" t="s">
        <v>2612</v>
      </c>
      <c r="D200" s="7" t="s">
        <v>2613</v>
      </c>
    </row>
    <row r="201" spans="1:5" s="3" customFormat="1" x14ac:dyDescent="0.15">
      <c r="A201" s="7" t="s">
        <v>348</v>
      </c>
      <c r="B201" s="7" t="s">
        <v>349</v>
      </c>
      <c r="C201" s="7" t="s">
        <v>1260</v>
      </c>
      <c r="D201" s="7"/>
    </row>
    <row r="202" spans="1:5" s="3" customFormat="1" x14ac:dyDescent="0.15">
      <c r="A202" s="7" t="s">
        <v>1567</v>
      </c>
      <c r="B202" s="7"/>
      <c r="C202" s="7" t="s">
        <v>1568</v>
      </c>
      <c r="D202" s="7"/>
    </row>
    <row r="203" spans="1:5" s="3" customFormat="1" x14ac:dyDescent="0.15">
      <c r="A203" s="7" t="s">
        <v>1569</v>
      </c>
      <c r="B203" s="7" t="s">
        <v>1570</v>
      </c>
      <c r="C203" s="7" t="s">
        <v>1571</v>
      </c>
      <c r="D203" s="7"/>
    </row>
    <row r="204" spans="1:5" s="3" customFormat="1" x14ac:dyDescent="0.15">
      <c r="A204" s="7" t="s">
        <v>1572</v>
      </c>
      <c r="B204" s="7" t="s">
        <v>1573</v>
      </c>
      <c r="C204" s="7" t="s">
        <v>1505</v>
      </c>
      <c r="D204" s="7"/>
    </row>
    <row r="205" spans="1:5" s="2" customFormat="1" ht="34.5" x14ac:dyDescent="0.15">
      <c r="A205" s="7" t="s">
        <v>1574</v>
      </c>
      <c r="B205" s="7" t="s">
        <v>350</v>
      </c>
      <c r="C205" s="7" t="s">
        <v>262</v>
      </c>
      <c r="D205" s="7" t="s">
        <v>351</v>
      </c>
    </row>
    <row r="206" spans="1:5" s="3" customFormat="1" x14ac:dyDescent="0.15">
      <c r="A206" s="7" t="s">
        <v>1575</v>
      </c>
      <c r="B206" s="7"/>
      <c r="C206" s="7" t="s">
        <v>1260</v>
      </c>
      <c r="D206" s="7"/>
    </row>
    <row r="207" spans="1:5" s="3" customFormat="1" x14ac:dyDescent="0.15">
      <c r="A207" s="7" t="s">
        <v>1576</v>
      </c>
      <c r="B207" s="7" t="s">
        <v>1577</v>
      </c>
      <c r="C207" s="7" t="s">
        <v>1255</v>
      </c>
      <c r="D207" s="7"/>
    </row>
    <row r="208" spans="1:5" s="3" customFormat="1" ht="34.5" x14ac:dyDescent="0.15">
      <c r="A208" s="7" t="s">
        <v>352</v>
      </c>
      <c r="B208" s="7" t="s">
        <v>353</v>
      </c>
      <c r="C208" s="7" t="s">
        <v>1260</v>
      </c>
      <c r="D208" s="7"/>
    </row>
    <row r="209" spans="1:4" s="3" customFormat="1" x14ac:dyDescent="0.15">
      <c r="A209" s="1" t="s">
        <v>354</v>
      </c>
      <c r="B209" s="1"/>
      <c r="C209" s="1" t="s">
        <v>1646</v>
      </c>
      <c r="D209" s="1"/>
    </row>
    <row r="210" spans="1:4" s="3" customFormat="1" x14ac:dyDescent="0.15">
      <c r="A210" s="7" t="s">
        <v>1578</v>
      </c>
      <c r="B210" s="7" t="s">
        <v>1579</v>
      </c>
      <c r="C210" s="7" t="s">
        <v>1277</v>
      </c>
      <c r="D210" s="7"/>
    </row>
    <row r="211" spans="1:4" s="3" customFormat="1" x14ac:dyDescent="0.15">
      <c r="A211" s="7" t="s">
        <v>1580</v>
      </c>
      <c r="B211" s="7" t="s">
        <v>1581</v>
      </c>
      <c r="C211" s="7" t="s">
        <v>1582</v>
      </c>
      <c r="D211" s="7"/>
    </row>
    <row r="212" spans="1:4" s="3" customFormat="1" x14ac:dyDescent="0.15">
      <c r="A212" s="7" t="s">
        <v>1583</v>
      </c>
      <c r="B212" s="7" t="s">
        <v>1584</v>
      </c>
      <c r="C212" s="7" t="s">
        <v>1269</v>
      </c>
      <c r="D212" s="7"/>
    </row>
    <row r="213" spans="1:4" s="3" customFormat="1" x14ac:dyDescent="0.15">
      <c r="A213" s="7" t="s">
        <v>1585</v>
      </c>
      <c r="B213" s="7"/>
      <c r="C213" s="7" t="s">
        <v>1267</v>
      </c>
      <c r="D213" s="7" t="s">
        <v>1898</v>
      </c>
    </row>
    <row r="214" spans="1:4" s="3" customFormat="1" x14ac:dyDescent="0.15">
      <c r="A214" s="7" t="s">
        <v>1586</v>
      </c>
      <c r="B214" s="7" t="s">
        <v>1587</v>
      </c>
      <c r="C214" s="7" t="s">
        <v>1260</v>
      </c>
      <c r="D214" s="7"/>
    </row>
    <row r="215" spans="1:4" s="3" customFormat="1" x14ac:dyDescent="0.15">
      <c r="A215" s="7" t="s">
        <v>1588</v>
      </c>
      <c r="B215" s="7"/>
      <c r="C215" s="7" t="s">
        <v>1272</v>
      </c>
      <c r="D215" s="7"/>
    </row>
    <row r="216" spans="1:4" s="3" customFormat="1" ht="34.5" x14ac:dyDescent="0.15">
      <c r="A216" s="7" t="s">
        <v>355</v>
      </c>
      <c r="B216" s="7" t="s">
        <v>1589</v>
      </c>
      <c r="C216" s="7" t="s">
        <v>1590</v>
      </c>
      <c r="D216" s="7" t="s">
        <v>2713</v>
      </c>
    </row>
    <row r="217" spans="1:4" s="3" customFormat="1" x14ac:dyDescent="0.15">
      <c r="A217" s="7" t="s">
        <v>1175</v>
      </c>
      <c r="B217" s="7" t="s">
        <v>1179</v>
      </c>
      <c r="C217" s="7" t="s">
        <v>1277</v>
      </c>
      <c r="D217" s="7" t="s">
        <v>2714</v>
      </c>
    </row>
    <row r="218" spans="1:4" s="3" customFormat="1" ht="34.5" x14ac:dyDescent="0.15">
      <c r="A218" s="7" t="s">
        <v>1198</v>
      </c>
      <c r="B218" s="7" t="s">
        <v>1178</v>
      </c>
      <c r="C218" s="7" t="s">
        <v>1197</v>
      </c>
      <c r="D218" s="7" t="s">
        <v>1177</v>
      </c>
    </row>
    <row r="219" spans="1:4" s="3" customFormat="1" x14ac:dyDescent="0.15">
      <c r="A219" s="7" t="s">
        <v>1591</v>
      </c>
      <c r="B219" s="7" t="s">
        <v>1592</v>
      </c>
      <c r="C219" s="7" t="s">
        <v>1416</v>
      </c>
      <c r="D219" s="7" t="s">
        <v>1883</v>
      </c>
    </row>
    <row r="220" spans="1:4" s="3" customFormat="1" ht="34.5" x14ac:dyDescent="0.15">
      <c r="A220" s="7" t="s">
        <v>356</v>
      </c>
      <c r="B220" s="7" t="s">
        <v>357</v>
      </c>
      <c r="C220" s="7" t="s">
        <v>1260</v>
      </c>
      <c r="D220" s="7"/>
    </row>
    <row r="221" spans="1:4" s="3" customFormat="1" ht="34.5" x14ac:dyDescent="0.15">
      <c r="A221" s="7" t="s">
        <v>358</v>
      </c>
      <c r="B221" s="7" t="s">
        <v>359</v>
      </c>
      <c r="C221" s="7" t="s">
        <v>1272</v>
      </c>
      <c r="D221" s="7"/>
    </row>
    <row r="222" spans="1:4" s="3" customFormat="1" x14ac:dyDescent="0.15">
      <c r="A222" s="7" t="s">
        <v>1593</v>
      </c>
      <c r="B222" s="7"/>
      <c r="C222" s="7" t="s">
        <v>1594</v>
      </c>
      <c r="D222" s="7"/>
    </row>
    <row r="223" spans="1:4" s="3" customFormat="1" x14ac:dyDescent="0.15">
      <c r="A223" s="7" t="s">
        <v>1595</v>
      </c>
      <c r="B223" s="7"/>
      <c r="C223" s="7" t="s">
        <v>1596</v>
      </c>
      <c r="D223" s="7"/>
    </row>
    <row r="224" spans="1:4" s="3" customFormat="1" ht="34.5" x14ac:dyDescent="0.15">
      <c r="A224" s="7" t="s">
        <v>1597</v>
      </c>
      <c r="B224" s="7" t="s">
        <v>1598</v>
      </c>
      <c r="C224" s="7" t="s">
        <v>1599</v>
      </c>
      <c r="D224" s="7" t="s">
        <v>1899</v>
      </c>
    </row>
    <row r="225" spans="1:4" s="3" customFormat="1" x14ac:dyDescent="0.15">
      <c r="A225" s="7" t="s">
        <v>360</v>
      </c>
      <c r="B225" s="7" t="s">
        <v>1600</v>
      </c>
      <c r="C225" s="7" t="s">
        <v>1267</v>
      </c>
      <c r="D225" s="7"/>
    </row>
    <row r="226" spans="1:4" s="3" customFormat="1" x14ac:dyDescent="0.15">
      <c r="A226" s="7" t="s">
        <v>1601</v>
      </c>
      <c r="B226" s="7" t="s">
        <v>1602</v>
      </c>
      <c r="C226" s="7" t="s">
        <v>1257</v>
      </c>
      <c r="D226" s="7"/>
    </row>
    <row r="227" spans="1:4" s="3" customFormat="1" x14ac:dyDescent="0.15">
      <c r="A227" s="7" t="s">
        <v>1603</v>
      </c>
      <c r="B227" s="7" t="s">
        <v>1604</v>
      </c>
      <c r="C227" s="7" t="s">
        <v>1325</v>
      </c>
      <c r="D227" s="7"/>
    </row>
    <row r="228" spans="1:4" s="3" customFormat="1" x14ac:dyDescent="0.15">
      <c r="A228" s="7" t="s">
        <v>1605</v>
      </c>
      <c r="B228" s="7" t="s">
        <v>1606</v>
      </c>
      <c r="C228" s="7" t="s">
        <v>1277</v>
      </c>
      <c r="D228" s="7"/>
    </row>
    <row r="229" spans="1:4" s="3" customFormat="1" x14ac:dyDescent="0.15">
      <c r="A229" s="7" t="s">
        <v>1607</v>
      </c>
      <c r="B229" s="7"/>
      <c r="C229" s="7" t="s">
        <v>1260</v>
      </c>
      <c r="D229" s="7"/>
    </row>
    <row r="230" spans="1:4" s="3" customFormat="1" x14ac:dyDescent="0.15">
      <c r="A230" s="7" t="s">
        <v>1608</v>
      </c>
      <c r="B230" s="7"/>
      <c r="C230" s="7" t="s">
        <v>1464</v>
      </c>
      <c r="D230" s="7"/>
    </row>
    <row r="231" spans="1:4" s="3" customFormat="1" x14ac:dyDescent="0.15">
      <c r="A231" s="7" t="s">
        <v>1609</v>
      </c>
      <c r="B231" s="7"/>
      <c r="C231" s="7" t="s">
        <v>1277</v>
      </c>
      <c r="D231" s="7" t="s">
        <v>1890</v>
      </c>
    </row>
    <row r="232" spans="1:4" s="3" customFormat="1" x14ac:dyDescent="0.15">
      <c r="A232" s="7" t="s">
        <v>2595</v>
      </c>
      <c r="B232" s="7"/>
      <c r="C232" s="7" t="s">
        <v>1610</v>
      </c>
      <c r="D232" s="7"/>
    </row>
    <row r="233" spans="1:4" s="3" customFormat="1" x14ac:dyDescent="0.15">
      <c r="A233" s="7" t="s">
        <v>1611</v>
      </c>
      <c r="B233" s="7" t="s">
        <v>1612</v>
      </c>
      <c r="C233" s="7" t="s">
        <v>1260</v>
      </c>
      <c r="D233" s="7"/>
    </row>
    <row r="234" spans="1:4" s="3" customFormat="1" x14ac:dyDescent="0.15">
      <c r="A234" s="7" t="s">
        <v>1613</v>
      </c>
      <c r="B234" s="7" t="s">
        <v>1614</v>
      </c>
      <c r="C234" s="7" t="s">
        <v>1615</v>
      </c>
      <c r="D234" s="7" t="s">
        <v>1900</v>
      </c>
    </row>
    <row r="235" spans="1:4" s="3" customFormat="1" ht="34.5" x14ac:dyDescent="0.15">
      <c r="A235" s="7" t="s">
        <v>1616</v>
      </c>
      <c r="B235" s="7" t="s">
        <v>361</v>
      </c>
      <c r="C235" s="7" t="s">
        <v>1267</v>
      </c>
      <c r="D235" s="7"/>
    </row>
    <row r="236" spans="1:4" s="3" customFormat="1" x14ac:dyDescent="0.15">
      <c r="A236" s="7" t="s">
        <v>1617</v>
      </c>
      <c r="B236" s="7"/>
      <c r="C236" s="7" t="s">
        <v>1277</v>
      </c>
      <c r="D236" s="7"/>
    </row>
    <row r="237" spans="1:4" s="3" customFormat="1" x14ac:dyDescent="0.15">
      <c r="A237" s="7" t="s">
        <v>1618</v>
      </c>
      <c r="B237" s="7"/>
      <c r="C237" s="7" t="s">
        <v>1325</v>
      </c>
      <c r="D237" s="7"/>
    </row>
    <row r="238" spans="1:4" s="3" customFormat="1" x14ac:dyDescent="0.15">
      <c r="A238" s="7" t="s">
        <v>1619</v>
      </c>
      <c r="B238" s="7" t="s">
        <v>1620</v>
      </c>
      <c r="C238" s="7" t="s">
        <v>1260</v>
      </c>
      <c r="D238" s="7"/>
    </row>
    <row r="239" spans="1:4" s="3" customFormat="1" x14ac:dyDescent="0.15">
      <c r="A239" s="7" t="s">
        <v>1622</v>
      </c>
      <c r="B239" s="7"/>
      <c r="C239" s="7" t="s">
        <v>1257</v>
      </c>
      <c r="D239" s="7"/>
    </row>
    <row r="240" spans="1:4" s="3" customFormat="1" x14ac:dyDescent="0.15">
      <c r="A240" s="7" t="s">
        <v>1623</v>
      </c>
      <c r="B240" s="7"/>
      <c r="C240" s="7" t="s">
        <v>1624</v>
      </c>
      <c r="D240" s="7"/>
    </row>
    <row r="241" spans="1:4" s="3" customFormat="1" x14ac:dyDescent="0.15">
      <c r="A241" s="7" t="s">
        <v>1625</v>
      </c>
      <c r="B241" s="7" t="s">
        <v>1626</v>
      </c>
      <c r="C241" s="7" t="s">
        <v>2594</v>
      </c>
      <c r="D241" s="7"/>
    </row>
    <row r="242" spans="1:4" s="3" customFormat="1" x14ac:dyDescent="0.15">
      <c r="A242" s="7" t="s">
        <v>1627</v>
      </c>
      <c r="B242" s="7"/>
      <c r="C242" s="7" t="s">
        <v>1255</v>
      </c>
      <c r="D242" s="7"/>
    </row>
    <row r="243" spans="1:4" s="3" customFormat="1" x14ac:dyDescent="0.15">
      <c r="A243" s="7" t="s">
        <v>1628</v>
      </c>
      <c r="B243" s="7"/>
      <c r="C243" s="7" t="s">
        <v>1277</v>
      </c>
      <c r="D243" s="7"/>
    </row>
    <row r="244" spans="1:4" s="3" customFormat="1" x14ac:dyDescent="0.15">
      <c r="A244" s="7" t="s">
        <v>1629</v>
      </c>
      <c r="B244" s="7" t="s">
        <v>1630</v>
      </c>
      <c r="C244" s="7" t="s">
        <v>1260</v>
      </c>
      <c r="D244" s="7"/>
    </row>
    <row r="245" spans="1:4" s="3" customFormat="1" x14ac:dyDescent="0.15">
      <c r="A245" s="7" t="s">
        <v>1631</v>
      </c>
      <c r="B245" s="7" t="s">
        <v>1632</v>
      </c>
      <c r="C245" s="7" t="s">
        <v>1272</v>
      </c>
      <c r="D245" s="7"/>
    </row>
    <row r="246" spans="1:4" s="3" customFormat="1" x14ac:dyDescent="0.15">
      <c r="A246" s="7" t="s">
        <v>1634</v>
      </c>
      <c r="B246" s="32"/>
      <c r="C246" s="7" t="s">
        <v>1269</v>
      </c>
      <c r="D246" s="7"/>
    </row>
    <row r="247" spans="1:4" s="3" customFormat="1" x14ac:dyDescent="0.15">
      <c r="A247" s="7" t="s">
        <v>817</v>
      </c>
      <c r="B247" s="7" t="s">
        <v>818</v>
      </c>
      <c r="C247" s="7" t="s">
        <v>1260</v>
      </c>
      <c r="D247" s="7"/>
    </row>
    <row r="248" spans="1:4" s="3" customFormat="1" x14ac:dyDescent="0.15">
      <c r="A248" s="7" t="s">
        <v>1635</v>
      </c>
      <c r="B248" s="1" t="s">
        <v>362</v>
      </c>
      <c r="C248" s="7" t="s">
        <v>1325</v>
      </c>
      <c r="D248" s="7" t="s">
        <v>934</v>
      </c>
    </row>
    <row r="249" spans="1:4" s="3" customFormat="1" x14ac:dyDescent="0.15">
      <c r="A249" s="7" t="s">
        <v>1636</v>
      </c>
      <c r="B249" s="7"/>
      <c r="C249" s="7" t="s">
        <v>1637</v>
      </c>
      <c r="D249" s="7"/>
    </row>
    <row r="250" spans="1:4" s="3" customFormat="1" x14ac:dyDescent="0.15">
      <c r="A250" s="7" t="s">
        <v>1639</v>
      </c>
      <c r="B250" s="7" t="s">
        <v>1640</v>
      </c>
      <c r="C250" s="7" t="s">
        <v>1269</v>
      </c>
      <c r="D250" s="7" t="s">
        <v>1870</v>
      </c>
    </row>
    <row r="251" spans="1:4" s="3" customFormat="1" x14ac:dyDescent="0.15">
      <c r="A251" s="7" t="s">
        <v>1641</v>
      </c>
      <c r="B251" s="7"/>
      <c r="C251" s="7" t="s">
        <v>1260</v>
      </c>
      <c r="D251" s="7"/>
    </row>
    <row r="252" spans="1:4" s="3" customFormat="1" x14ac:dyDescent="0.2">
      <c r="A252" s="20" t="s">
        <v>363</v>
      </c>
      <c r="B252" s="36"/>
      <c r="C252" s="36"/>
      <c r="D252" s="36"/>
    </row>
    <row r="253" spans="1:4" s="3" customFormat="1" x14ac:dyDescent="0.2">
      <c r="A253" s="20" t="s">
        <v>364</v>
      </c>
      <c r="B253" s="36"/>
      <c r="C253" s="36"/>
      <c r="D253" s="36"/>
    </row>
    <row r="254" spans="1:4" s="3" customFormat="1" x14ac:dyDescent="0.2">
      <c r="A254" s="20" t="s">
        <v>365</v>
      </c>
      <c r="B254" s="36"/>
      <c r="C254" s="36"/>
      <c r="D254" s="36"/>
    </row>
    <row r="255" spans="1:4" s="3" customFormat="1" x14ac:dyDescent="0.2">
      <c r="A255" s="20" t="s">
        <v>1654</v>
      </c>
      <c r="B255" s="36"/>
      <c r="C255" s="36"/>
      <c r="D255" s="36"/>
    </row>
    <row r="256" spans="1:4" s="3" customFormat="1" x14ac:dyDescent="0.2">
      <c r="A256" s="20" t="s">
        <v>1661</v>
      </c>
      <c r="B256" s="36"/>
      <c r="C256" s="36"/>
      <c r="D256" s="36"/>
    </row>
    <row r="257" spans="1:4" s="3" customFormat="1" x14ac:dyDescent="0.2">
      <c r="A257" s="20" t="s">
        <v>1662</v>
      </c>
      <c r="B257" s="36"/>
      <c r="C257" s="36"/>
      <c r="D257" s="36"/>
    </row>
    <row r="258" spans="1:4" s="3" customFormat="1" x14ac:dyDescent="0.15">
      <c r="A258" s="56"/>
      <c r="B258" s="56"/>
      <c r="C258" s="56"/>
      <c r="D258" s="56"/>
    </row>
    <row r="259" spans="1:4" x14ac:dyDescent="0.15">
      <c r="A259" s="3"/>
      <c r="B259" s="3"/>
      <c r="C259" s="3"/>
    </row>
    <row r="260" spans="1:4" x14ac:dyDescent="0.15">
      <c r="A260" s="3"/>
      <c r="B260" s="3"/>
      <c r="C260" s="3"/>
    </row>
    <row r="261" spans="1:4" x14ac:dyDescent="0.15">
      <c r="A261" s="3"/>
      <c r="B261" s="3"/>
      <c r="C261" s="3"/>
    </row>
  </sheetData>
  <phoneticPr fontId="1"/>
  <printOptions horizontalCentered="1"/>
  <pageMargins left="0.59055118110236227" right="0.59055118110236227" top="0.59055118110236227" bottom="0.59055118110236227" header="0.6692913385826772" footer="0.19685039370078741"/>
  <pageSetup paperSize="9" scale="70" fitToHeight="5" orientation="portrait" horizontalDpi="300" verticalDpi="300" r:id="rId1"/>
  <headerFooter alignWithMargins="0">
    <oddHeader xml:space="preserve">&amp;R
</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32"/>
  <sheetViews>
    <sheetView view="pageLayout" topLeftCell="A10" zoomScaleNormal="100" workbookViewId="0">
      <selection activeCell="C11" sqref="C11"/>
    </sheetView>
  </sheetViews>
  <sheetFormatPr defaultColWidth="40.7109375" defaultRowHeight="21" x14ac:dyDescent="0.15"/>
  <cols>
    <col min="1" max="1" width="28.7109375" style="5" customWidth="1"/>
    <col min="2" max="2" width="35.7109375" style="5" customWidth="1"/>
    <col min="3" max="3" width="30.7109375" style="5" customWidth="1"/>
    <col min="4" max="4" width="37.7109375" style="6" customWidth="1"/>
    <col min="5" max="5" width="17.140625" style="18" bestFit="1" customWidth="1"/>
    <col min="6" max="16384" width="40.7109375" style="5"/>
  </cols>
  <sheetData>
    <row r="1" spans="1:5" ht="17.25" customHeight="1" x14ac:dyDescent="0.15">
      <c r="A1" s="45" t="s">
        <v>1206</v>
      </c>
      <c r="B1" s="46"/>
      <c r="C1" s="46"/>
      <c r="D1" s="23"/>
      <c r="E1" s="15"/>
    </row>
    <row r="2" spans="1:5" ht="17.25" customHeight="1" x14ac:dyDescent="0.15">
      <c r="A2" s="45" t="s">
        <v>1127</v>
      </c>
      <c r="B2" s="46"/>
      <c r="C2" s="46"/>
      <c r="D2" s="23"/>
      <c r="E2" s="15"/>
    </row>
    <row r="3" spans="1:5" s="4" customFormat="1" ht="17.25" customHeight="1" x14ac:dyDescent="0.15">
      <c r="A3" s="9" t="s">
        <v>1128</v>
      </c>
      <c r="B3" s="9" t="s">
        <v>1129</v>
      </c>
      <c r="C3" s="9" t="s">
        <v>1397</v>
      </c>
      <c r="D3" s="9" t="s">
        <v>1130</v>
      </c>
      <c r="E3" s="16"/>
    </row>
    <row r="4" spans="1:5" s="22" customFormat="1" ht="17.25" x14ac:dyDescent="0.15">
      <c r="A4" s="7" t="s">
        <v>1207</v>
      </c>
      <c r="B4" s="7" t="s">
        <v>1208</v>
      </c>
      <c r="C4" s="7" t="s">
        <v>1209</v>
      </c>
      <c r="D4" s="7" t="s">
        <v>1903</v>
      </c>
      <c r="E4" s="21"/>
    </row>
    <row r="5" spans="1:5" s="22" customFormat="1" ht="34.5" x14ac:dyDescent="0.15">
      <c r="A5" s="7" t="s">
        <v>1652</v>
      </c>
      <c r="B5" s="7"/>
      <c r="C5" s="7" t="s">
        <v>1210</v>
      </c>
      <c r="D5" s="7" t="s">
        <v>1904</v>
      </c>
      <c r="E5" s="21"/>
    </row>
    <row r="6" spans="1:5" s="3" customFormat="1" ht="34.5" x14ac:dyDescent="0.15">
      <c r="A6" s="7" t="s">
        <v>1211</v>
      </c>
      <c r="B6" s="7" t="s">
        <v>294</v>
      </c>
      <c r="C6" s="7" t="s">
        <v>1212</v>
      </c>
      <c r="D6" s="7"/>
      <c r="E6" s="17"/>
    </row>
    <row r="7" spans="1:5" s="3" customFormat="1" ht="17.25" x14ac:dyDescent="0.15">
      <c r="A7" s="7" t="s">
        <v>1213</v>
      </c>
      <c r="B7" s="7" t="s">
        <v>1214</v>
      </c>
      <c r="C7" s="7" t="s">
        <v>1215</v>
      </c>
      <c r="D7" s="7"/>
      <c r="E7" s="17"/>
    </row>
    <row r="8" spans="1:5" s="3" customFormat="1" ht="34.5" x14ac:dyDescent="0.15">
      <c r="A8" s="7" t="s">
        <v>1651</v>
      </c>
      <c r="B8" s="7" t="s">
        <v>1216</v>
      </c>
      <c r="C8" s="7" t="s">
        <v>1217</v>
      </c>
      <c r="D8" s="7" t="s">
        <v>1218</v>
      </c>
      <c r="E8" s="17"/>
    </row>
    <row r="9" spans="1:5" s="3" customFormat="1" ht="17.25" x14ac:dyDescent="0.15">
      <c r="A9" s="7" t="s">
        <v>1219</v>
      </c>
      <c r="B9" s="7"/>
      <c r="C9" s="7" t="s">
        <v>1220</v>
      </c>
      <c r="D9" s="7" t="s">
        <v>1905</v>
      </c>
      <c r="E9" s="17"/>
    </row>
    <row r="10" spans="1:5" s="3" customFormat="1" ht="17.25" x14ac:dyDescent="0.15">
      <c r="A10" s="7" t="s">
        <v>1221</v>
      </c>
      <c r="B10" s="7"/>
      <c r="C10" s="7" t="s">
        <v>295</v>
      </c>
      <c r="D10" s="7"/>
      <c r="E10" s="17"/>
    </row>
    <row r="11" spans="1:5" s="3" customFormat="1" ht="17.25" x14ac:dyDescent="0.15">
      <c r="A11" s="7" t="s">
        <v>1222</v>
      </c>
      <c r="B11" s="7" t="s">
        <v>1223</v>
      </c>
      <c r="C11" s="7" t="s">
        <v>2715</v>
      </c>
      <c r="D11" s="7"/>
      <c r="E11" s="17"/>
    </row>
    <row r="12" spans="1:5" s="3" customFormat="1" ht="34.5" x14ac:dyDescent="0.15">
      <c r="A12" s="7" t="s">
        <v>296</v>
      </c>
      <c r="B12" s="7" t="s">
        <v>1224</v>
      </c>
      <c r="C12" s="13" t="s">
        <v>297</v>
      </c>
      <c r="D12" s="7" t="s">
        <v>1218</v>
      </c>
      <c r="E12" s="17"/>
    </row>
    <row r="13" spans="1:5" s="3" customFormat="1" ht="17.25" x14ac:dyDescent="0.15">
      <c r="A13" s="7" t="s">
        <v>1225</v>
      </c>
      <c r="B13" s="7" t="s">
        <v>1226</v>
      </c>
      <c r="C13" s="7" t="s">
        <v>1227</v>
      </c>
      <c r="D13" s="7" t="s">
        <v>1906</v>
      </c>
      <c r="E13" s="17"/>
    </row>
    <row r="14" spans="1:5" s="3" customFormat="1" ht="17.25" x14ac:dyDescent="0.15">
      <c r="A14" s="7" t="s">
        <v>298</v>
      </c>
      <c r="B14" s="7" t="s">
        <v>299</v>
      </c>
      <c r="C14" s="7" t="s">
        <v>1228</v>
      </c>
      <c r="D14" s="7"/>
      <c r="E14" s="17"/>
    </row>
    <row r="15" spans="1:5" s="3" customFormat="1" ht="17.25" x14ac:dyDescent="0.15">
      <c r="A15" s="7" t="s">
        <v>1229</v>
      </c>
      <c r="B15" s="7" t="s">
        <v>1230</v>
      </c>
      <c r="C15" s="7" t="s">
        <v>1231</v>
      </c>
      <c r="D15" s="7"/>
      <c r="E15" s="17"/>
    </row>
    <row r="16" spans="1:5" s="3" customFormat="1" ht="17.25" x14ac:dyDescent="0.15">
      <c r="A16" s="7" t="s">
        <v>300</v>
      </c>
      <c r="B16" s="7" t="s">
        <v>1232</v>
      </c>
      <c r="C16" s="7" t="s">
        <v>1233</v>
      </c>
      <c r="D16" s="7"/>
      <c r="E16" s="17"/>
    </row>
    <row r="17" spans="1:5" s="3" customFormat="1" ht="34.5" x14ac:dyDescent="0.15">
      <c r="A17" s="7" t="s">
        <v>301</v>
      </c>
      <c r="B17" s="7" t="s">
        <v>1234</v>
      </c>
      <c r="C17" s="7" t="s">
        <v>1235</v>
      </c>
      <c r="D17" s="7" t="s">
        <v>1907</v>
      </c>
      <c r="E17" s="17"/>
    </row>
    <row r="18" spans="1:5" s="3" customFormat="1" ht="34.5" x14ac:dyDescent="0.15">
      <c r="A18" s="7" t="s">
        <v>302</v>
      </c>
      <c r="B18" s="7" t="s">
        <v>1236</v>
      </c>
      <c r="C18" s="7" t="s">
        <v>1237</v>
      </c>
      <c r="D18" s="7" t="s">
        <v>1902</v>
      </c>
      <c r="E18" s="17"/>
    </row>
    <row r="19" spans="1:5" s="3" customFormat="1" ht="17.25" x14ac:dyDescent="0.15">
      <c r="A19" s="7" t="s">
        <v>1238</v>
      </c>
      <c r="B19" s="7" t="s">
        <v>1239</v>
      </c>
      <c r="C19" s="7" t="s">
        <v>1240</v>
      </c>
      <c r="D19" s="7"/>
      <c r="E19" s="17"/>
    </row>
    <row r="20" spans="1:5" s="3" customFormat="1" ht="17.25" x14ac:dyDescent="0.15">
      <c r="A20" s="7" t="s">
        <v>1241</v>
      </c>
      <c r="B20" s="7" t="s">
        <v>1242</v>
      </c>
      <c r="C20" s="7" t="s">
        <v>1243</v>
      </c>
      <c r="D20" s="7"/>
      <c r="E20" s="17"/>
    </row>
    <row r="21" spans="1:5" s="3" customFormat="1" ht="17.25" x14ac:dyDescent="0.15">
      <c r="A21" s="7" t="s">
        <v>303</v>
      </c>
      <c r="B21" s="7"/>
      <c r="C21" s="7" t="s">
        <v>2642</v>
      </c>
      <c r="D21" s="7"/>
      <c r="E21" s="17"/>
    </row>
    <row r="22" spans="1:5" s="3" customFormat="1" ht="17.25" x14ac:dyDescent="0.15">
      <c r="A22" s="7" t="s">
        <v>1244</v>
      </c>
      <c r="B22" s="7" t="s">
        <v>1245</v>
      </c>
      <c r="C22" s="7" t="s">
        <v>1246</v>
      </c>
      <c r="D22" s="7"/>
      <c r="E22" s="17"/>
    </row>
    <row r="23" spans="1:5" s="3" customFormat="1" ht="51.75" x14ac:dyDescent="0.15">
      <c r="A23" s="7" t="s">
        <v>1247</v>
      </c>
      <c r="B23" s="7" t="s">
        <v>2709</v>
      </c>
      <c r="C23" s="7" t="s">
        <v>1248</v>
      </c>
      <c r="D23" s="7"/>
      <c r="E23" s="17"/>
    </row>
    <row r="24" spans="1:5" s="22" customFormat="1" ht="17.25" x14ac:dyDescent="0.15">
      <c r="A24" s="7" t="s">
        <v>1249</v>
      </c>
      <c r="B24" s="7" t="s">
        <v>1250</v>
      </c>
      <c r="C24" s="7" t="s">
        <v>1251</v>
      </c>
      <c r="D24" s="7"/>
      <c r="E24" s="21"/>
    </row>
    <row r="25" spans="1:5" s="28" customFormat="1" x14ac:dyDescent="0.15">
      <c r="A25" s="47" t="s">
        <v>1659</v>
      </c>
      <c r="B25" s="48"/>
      <c r="C25" s="48"/>
      <c r="D25" s="49"/>
      <c r="E25" s="27"/>
    </row>
    <row r="26" spans="1:5" s="28" customFormat="1" x14ac:dyDescent="0.15">
      <c r="A26" s="47" t="s">
        <v>1653</v>
      </c>
      <c r="B26" s="50"/>
      <c r="C26" s="50"/>
      <c r="D26" s="49"/>
      <c r="E26" s="27"/>
    </row>
    <row r="27" spans="1:5" s="28" customFormat="1" x14ac:dyDescent="0.15">
      <c r="A27" s="47" t="s">
        <v>1656</v>
      </c>
      <c r="B27" s="50"/>
      <c r="C27" s="50"/>
      <c r="D27" s="49"/>
      <c r="E27" s="27"/>
    </row>
    <row r="28" spans="1:5" s="28" customFormat="1" x14ac:dyDescent="0.15">
      <c r="A28" s="47" t="s">
        <v>1654</v>
      </c>
      <c r="B28" s="50"/>
      <c r="C28" s="50"/>
      <c r="D28" s="49"/>
      <c r="E28" s="27"/>
    </row>
    <row r="29" spans="1:5" s="28" customFormat="1" x14ac:dyDescent="0.15">
      <c r="A29" s="47" t="s">
        <v>1661</v>
      </c>
      <c r="B29" s="50"/>
      <c r="C29" s="50"/>
      <c r="D29" s="49"/>
      <c r="E29" s="27"/>
    </row>
    <row r="30" spans="1:5" s="28" customFormat="1" x14ac:dyDescent="0.15">
      <c r="A30" s="47" t="s">
        <v>1660</v>
      </c>
      <c r="B30" s="50"/>
      <c r="C30" s="50"/>
      <c r="D30" s="49"/>
      <c r="E30" s="27"/>
    </row>
    <row r="31" spans="1:5" x14ac:dyDescent="0.15">
      <c r="A31" s="60" t="s">
        <v>1909</v>
      </c>
      <c r="B31" s="61"/>
      <c r="C31" s="61"/>
      <c r="D31" s="61"/>
    </row>
    <row r="32" spans="1:5" x14ac:dyDescent="0.15">
      <c r="A32" s="61"/>
      <c r="B32" s="61"/>
      <c r="C32" s="61"/>
      <c r="D32" s="61"/>
    </row>
  </sheetData>
  <mergeCells count="1">
    <mergeCell ref="A31:D32"/>
  </mergeCells>
  <phoneticPr fontId="1"/>
  <printOptions horizontalCentered="1"/>
  <pageMargins left="0.59055118110236227" right="0.59055118110236227" top="0.59055118110236227" bottom="0.59055118110236227" header="0.6692913385826772" footer="0.19685039370078741"/>
  <pageSetup paperSize="9" scale="70" fitToHeight="0" orientation="portrait" horizontalDpi="300" verticalDpi="300" r:id="rId1"/>
  <headerFooter alignWithMargins="0">
    <oddHeader xml:space="preserve">&amp;R
</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93"/>
  <sheetViews>
    <sheetView view="pageLayout" topLeftCell="A76" zoomScaleNormal="100" workbookViewId="0">
      <selection activeCell="B62" sqref="B62"/>
    </sheetView>
  </sheetViews>
  <sheetFormatPr defaultColWidth="40.7109375" defaultRowHeight="17.25" x14ac:dyDescent="0.15"/>
  <cols>
    <col min="1" max="1" width="28.7109375" style="8" customWidth="1"/>
    <col min="2" max="2" width="35.7109375" style="8" customWidth="1"/>
    <col min="3" max="3" width="30.7109375" style="8" customWidth="1"/>
    <col min="4" max="4" width="37.7109375" style="23" customWidth="1"/>
    <col min="5" max="5" width="24.140625" style="24" bestFit="1" customWidth="1"/>
    <col min="6" max="16384" width="40.7109375" style="8"/>
  </cols>
  <sheetData>
    <row r="1" spans="1:5" x14ac:dyDescent="0.15">
      <c r="A1" s="12" t="s">
        <v>1126</v>
      </c>
    </row>
    <row r="2" spans="1:5" x14ac:dyDescent="0.15">
      <c r="A2" s="12" t="s">
        <v>1127</v>
      </c>
    </row>
    <row r="3" spans="1:5" s="3" customFormat="1" x14ac:dyDescent="0.15">
      <c r="A3" s="9" t="s">
        <v>1128</v>
      </c>
      <c r="B3" s="9" t="s">
        <v>1129</v>
      </c>
      <c r="C3" s="9" t="s">
        <v>2088</v>
      </c>
      <c r="D3" s="9" t="s">
        <v>1130</v>
      </c>
      <c r="E3" s="17"/>
    </row>
    <row r="4" spans="1:5" s="2" customFormat="1" x14ac:dyDescent="0.15">
      <c r="A4" s="7" t="s">
        <v>1131</v>
      </c>
      <c r="B4" s="7" t="s">
        <v>366</v>
      </c>
      <c r="C4" s="7" t="s">
        <v>1132</v>
      </c>
      <c r="D4" s="7"/>
      <c r="E4" s="19"/>
    </row>
    <row r="5" spans="1:5" s="2" customFormat="1" ht="103.5" x14ac:dyDescent="0.15">
      <c r="A5" s="7" t="s">
        <v>2137</v>
      </c>
      <c r="B5" s="7" t="s">
        <v>2596</v>
      </c>
      <c r="C5" s="7"/>
      <c r="D5" s="7"/>
      <c r="E5" s="19"/>
    </row>
    <row r="6" spans="1:5" s="3" customFormat="1" x14ac:dyDescent="0.15">
      <c r="A6" s="7" t="s">
        <v>692</v>
      </c>
      <c r="B6" s="1" t="s">
        <v>2089</v>
      </c>
      <c r="C6" s="7"/>
      <c r="D6" s="7"/>
      <c r="E6" s="17"/>
    </row>
    <row r="7" spans="1:5" s="3" customFormat="1" x14ac:dyDescent="0.15">
      <c r="A7" s="7" t="s">
        <v>1133</v>
      </c>
      <c r="B7" s="1" t="s">
        <v>1134</v>
      </c>
      <c r="C7" s="7" t="s">
        <v>1132</v>
      </c>
      <c r="D7" s="7"/>
      <c r="E7" s="17"/>
    </row>
    <row r="8" spans="1:5" s="3" customFormat="1" x14ac:dyDescent="0.15">
      <c r="A8" s="7" t="s">
        <v>1135</v>
      </c>
      <c r="B8" s="1"/>
      <c r="C8" s="7" t="s">
        <v>1132</v>
      </c>
      <c r="D8" s="7"/>
      <c r="E8" s="17"/>
    </row>
    <row r="9" spans="1:5" s="3" customFormat="1" x14ac:dyDescent="0.15">
      <c r="A9" s="7" t="s">
        <v>1136</v>
      </c>
      <c r="B9" s="7" t="s">
        <v>1137</v>
      </c>
      <c r="C9" s="7"/>
      <c r="D9" s="7" t="s">
        <v>1138</v>
      </c>
      <c r="E9" s="17"/>
    </row>
    <row r="10" spans="1:5" s="3" customFormat="1" x14ac:dyDescent="0.15">
      <c r="A10" s="7" t="s">
        <v>1139</v>
      </c>
      <c r="B10" s="1"/>
      <c r="C10" s="7" t="s">
        <v>1132</v>
      </c>
      <c r="D10" s="7"/>
      <c r="E10" s="17"/>
    </row>
    <row r="11" spans="1:5" s="3" customFormat="1" x14ac:dyDescent="0.15">
      <c r="A11" s="1" t="s">
        <v>2090</v>
      </c>
      <c r="B11" s="1"/>
      <c r="C11" s="1"/>
      <c r="D11" s="1"/>
      <c r="E11" s="17"/>
    </row>
    <row r="12" spans="1:5" s="3" customFormat="1" x14ac:dyDescent="0.15">
      <c r="A12" s="7" t="s">
        <v>2091</v>
      </c>
      <c r="B12" s="1" t="s">
        <v>2092</v>
      </c>
      <c r="C12" s="7"/>
      <c r="D12" s="7"/>
      <c r="E12" s="17"/>
    </row>
    <row r="13" spans="1:5" s="3" customFormat="1" ht="34.5" x14ac:dyDescent="0.15">
      <c r="A13" s="7" t="s">
        <v>1140</v>
      </c>
      <c r="B13" s="1" t="s">
        <v>2093</v>
      </c>
      <c r="C13" s="7"/>
      <c r="D13" s="7"/>
      <c r="E13" s="17"/>
    </row>
    <row r="14" spans="1:5" s="3" customFormat="1" x14ac:dyDescent="0.15">
      <c r="A14" s="1" t="s">
        <v>2094</v>
      </c>
      <c r="B14" s="1" t="s">
        <v>2095</v>
      </c>
      <c r="C14" s="1"/>
      <c r="D14" s="1"/>
      <c r="E14" s="17"/>
    </row>
    <row r="15" spans="1:5" s="3" customFormat="1" ht="34.5" x14ac:dyDescent="0.15">
      <c r="A15" s="1" t="s">
        <v>2096</v>
      </c>
      <c r="B15" s="1" t="s">
        <v>2097</v>
      </c>
      <c r="C15" s="1"/>
      <c r="D15" s="1"/>
      <c r="E15" s="17"/>
    </row>
    <row r="16" spans="1:5" s="3" customFormat="1" ht="34.5" x14ac:dyDescent="0.15">
      <c r="A16" s="1" t="s">
        <v>2544</v>
      </c>
      <c r="B16" s="1" t="s">
        <v>2549</v>
      </c>
      <c r="C16" s="1"/>
      <c r="D16" s="1"/>
      <c r="E16" s="17"/>
    </row>
    <row r="17" spans="1:5" s="3" customFormat="1" ht="34.5" x14ac:dyDescent="0.15">
      <c r="A17" s="1" t="s">
        <v>2469</v>
      </c>
      <c r="B17" s="1" t="s">
        <v>2138</v>
      </c>
      <c r="C17" s="1"/>
      <c r="D17" s="1"/>
      <c r="E17" s="17"/>
    </row>
    <row r="18" spans="1:5" s="3" customFormat="1" ht="34.5" x14ac:dyDescent="0.15">
      <c r="A18" s="7" t="s">
        <v>2098</v>
      </c>
      <c r="B18" s="7"/>
      <c r="C18" s="7"/>
      <c r="D18" s="7"/>
      <c r="E18" s="17"/>
    </row>
    <row r="19" spans="1:5" s="3" customFormat="1" x14ac:dyDescent="0.15">
      <c r="A19" s="7" t="s">
        <v>1141</v>
      </c>
      <c r="B19" s="1"/>
      <c r="C19" s="7" t="s">
        <v>1132</v>
      </c>
      <c r="D19" s="7"/>
      <c r="E19" s="17"/>
    </row>
    <row r="20" spans="1:5" s="3" customFormat="1" x14ac:dyDescent="0.15">
      <c r="A20" s="7" t="s">
        <v>2553</v>
      </c>
      <c r="B20" s="1" t="s">
        <v>2554</v>
      </c>
      <c r="C20" s="7"/>
      <c r="D20" s="7"/>
      <c r="E20" s="17"/>
    </row>
    <row r="21" spans="1:5" s="2" customFormat="1" x14ac:dyDescent="0.15">
      <c r="A21" s="7" t="s">
        <v>1142</v>
      </c>
      <c r="B21" s="7"/>
      <c r="C21" s="7" t="s">
        <v>1132</v>
      </c>
      <c r="D21" s="7"/>
      <c r="E21" s="19"/>
    </row>
    <row r="22" spans="1:5" s="3" customFormat="1" x14ac:dyDescent="0.15">
      <c r="A22" s="7" t="s">
        <v>1143</v>
      </c>
      <c r="B22" s="1"/>
      <c r="C22" s="7"/>
      <c r="D22" s="7"/>
      <c r="E22" s="17"/>
    </row>
    <row r="23" spans="1:5" s="3" customFormat="1" x14ac:dyDescent="0.15">
      <c r="A23" s="1" t="s">
        <v>2099</v>
      </c>
      <c r="B23" s="1" t="s">
        <v>2100</v>
      </c>
      <c r="C23" s="1"/>
      <c r="D23" s="1"/>
      <c r="E23" s="17"/>
    </row>
    <row r="24" spans="1:5" s="3" customFormat="1" x14ac:dyDescent="0.15">
      <c r="A24" s="7" t="s">
        <v>689</v>
      </c>
      <c r="B24" s="1" t="s">
        <v>2101</v>
      </c>
      <c r="C24" s="7"/>
      <c r="D24" s="7"/>
      <c r="E24" s="17"/>
    </row>
    <row r="25" spans="1:5" s="3" customFormat="1" x14ac:dyDescent="0.15">
      <c r="A25" s="7" t="s">
        <v>1144</v>
      </c>
      <c r="B25" s="1"/>
      <c r="C25" s="7" t="s">
        <v>1132</v>
      </c>
      <c r="D25" s="7"/>
      <c r="E25" s="17"/>
    </row>
    <row r="26" spans="1:5" s="2" customFormat="1" x14ac:dyDescent="0.15">
      <c r="A26" s="7" t="s">
        <v>1145</v>
      </c>
      <c r="B26" s="7"/>
      <c r="C26" s="7" t="s">
        <v>1132</v>
      </c>
      <c r="D26" s="7"/>
      <c r="E26" s="19"/>
    </row>
    <row r="27" spans="1:5" s="3" customFormat="1" x14ac:dyDescent="0.15">
      <c r="A27" s="7" t="s">
        <v>1146</v>
      </c>
      <c r="B27" s="1"/>
      <c r="C27" s="7" t="s">
        <v>1132</v>
      </c>
      <c r="D27" s="7"/>
      <c r="E27" s="17"/>
    </row>
    <row r="28" spans="1:5" s="3" customFormat="1" x14ac:dyDescent="0.15">
      <c r="A28" s="7" t="s">
        <v>693</v>
      </c>
      <c r="B28" s="1" t="s">
        <v>2102</v>
      </c>
      <c r="C28" s="7"/>
      <c r="D28" s="7"/>
      <c r="E28" s="17"/>
    </row>
    <row r="29" spans="1:5" s="3" customFormat="1" x14ac:dyDescent="0.15">
      <c r="A29" s="7" t="s">
        <v>2103</v>
      </c>
      <c r="B29" s="1" t="s">
        <v>2571</v>
      </c>
      <c r="C29" s="7"/>
      <c r="D29" s="7"/>
      <c r="E29" s="17"/>
    </row>
    <row r="30" spans="1:5" s="3" customFormat="1" x14ac:dyDescent="0.15">
      <c r="A30" s="7" t="s">
        <v>1147</v>
      </c>
      <c r="B30" s="7" t="s">
        <v>2716</v>
      </c>
      <c r="C30" s="7"/>
      <c r="D30" s="7"/>
      <c r="E30" s="17"/>
    </row>
    <row r="31" spans="1:5" s="3" customFormat="1" x14ac:dyDescent="0.15">
      <c r="A31" s="7" t="s">
        <v>1152</v>
      </c>
      <c r="B31" s="1"/>
      <c r="C31" s="7"/>
      <c r="D31" s="7"/>
      <c r="E31" s="17"/>
    </row>
    <row r="32" spans="1:5" s="3" customFormat="1" x14ac:dyDescent="0.15">
      <c r="A32" s="7" t="s">
        <v>2139</v>
      </c>
      <c r="B32" s="1" t="s">
        <v>2140</v>
      </c>
      <c r="C32" s="7"/>
      <c r="D32" s="7"/>
      <c r="E32" s="17"/>
    </row>
    <row r="33" spans="1:5" s="3" customFormat="1" ht="34.5" x14ac:dyDescent="0.15">
      <c r="A33" s="1" t="s">
        <v>1153</v>
      </c>
      <c r="B33" s="1" t="s">
        <v>1154</v>
      </c>
      <c r="C33" s="1"/>
      <c r="D33" s="7"/>
      <c r="E33" s="17"/>
    </row>
    <row r="34" spans="1:5" s="3" customFormat="1" ht="34.5" x14ac:dyDescent="0.15">
      <c r="A34" s="7" t="s">
        <v>2555</v>
      </c>
      <c r="B34" s="1" t="s">
        <v>2556</v>
      </c>
      <c r="C34" s="7"/>
      <c r="D34" s="7"/>
      <c r="E34" s="17"/>
    </row>
    <row r="35" spans="1:5" s="3" customFormat="1" ht="34.5" x14ac:dyDescent="0.15">
      <c r="A35" s="7" t="s">
        <v>2646</v>
      </c>
      <c r="B35" s="1" t="s">
        <v>2647</v>
      </c>
      <c r="C35" s="7"/>
      <c r="D35" s="7"/>
      <c r="E35" s="17"/>
    </row>
    <row r="36" spans="1:5" s="3" customFormat="1" x14ac:dyDescent="0.15">
      <c r="A36" s="7" t="s">
        <v>686</v>
      </c>
      <c r="B36" s="1" t="s">
        <v>2104</v>
      </c>
      <c r="C36" s="7"/>
      <c r="D36" s="7"/>
      <c r="E36" s="17"/>
    </row>
    <row r="37" spans="1:5" s="3" customFormat="1" x14ac:dyDescent="0.15">
      <c r="A37" s="7" t="s">
        <v>1155</v>
      </c>
      <c r="B37" s="1"/>
      <c r="C37" s="7" t="s">
        <v>1132</v>
      </c>
      <c r="D37" s="7"/>
      <c r="E37" s="17"/>
    </row>
    <row r="38" spans="1:5" s="3" customFormat="1" x14ac:dyDescent="0.15">
      <c r="A38" s="7" t="s">
        <v>2105</v>
      </c>
      <c r="B38" s="7" t="s">
        <v>1658</v>
      </c>
      <c r="C38" s="7"/>
      <c r="D38" s="7" t="s">
        <v>1170</v>
      </c>
      <c r="E38" s="17"/>
    </row>
    <row r="39" spans="1:5" s="3" customFormat="1" x14ac:dyDescent="0.15">
      <c r="A39" s="7" t="s">
        <v>1171</v>
      </c>
      <c r="B39" s="1"/>
      <c r="C39" s="7" t="s">
        <v>1132</v>
      </c>
      <c r="D39" s="7"/>
      <c r="E39" s="17"/>
    </row>
    <row r="40" spans="1:5" s="3" customFormat="1" x14ac:dyDescent="0.15">
      <c r="A40" s="7" t="s">
        <v>691</v>
      </c>
      <c r="B40" s="1" t="s">
        <v>2106</v>
      </c>
      <c r="C40" s="7"/>
      <c r="D40" s="7"/>
      <c r="E40" s="17"/>
    </row>
    <row r="41" spans="1:5" s="3" customFormat="1" ht="34.5" x14ac:dyDescent="0.15">
      <c r="A41" s="1" t="s">
        <v>2568</v>
      </c>
      <c r="B41" s="1" t="s">
        <v>2597</v>
      </c>
      <c r="C41" s="1"/>
      <c r="D41" s="1"/>
      <c r="E41" s="17"/>
    </row>
    <row r="42" spans="1:5" s="3" customFormat="1" ht="34.5" x14ac:dyDescent="0.15">
      <c r="A42" s="7" t="s">
        <v>2107</v>
      </c>
      <c r="B42" s="1" t="s">
        <v>2598</v>
      </c>
      <c r="C42" s="7"/>
      <c r="D42" s="7"/>
      <c r="E42" s="17"/>
    </row>
    <row r="43" spans="1:5" s="3" customFormat="1" x14ac:dyDescent="0.15">
      <c r="A43" s="7" t="s">
        <v>2472</v>
      </c>
      <c r="B43" s="1" t="s">
        <v>2473</v>
      </c>
      <c r="C43" s="7"/>
      <c r="D43" s="7"/>
      <c r="E43" s="17"/>
    </row>
    <row r="44" spans="1:5" s="3" customFormat="1" x14ac:dyDescent="0.15">
      <c r="A44" s="7" t="s">
        <v>2141</v>
      </c>
      <c r="B44" s="1" t="s">
        <v>2142</v>
      </c>
      <c r="C44" s="7"/>
      <c r="D44" s="7"/>
      <c r="E44" s="17"/>
    </row>
    <row r="45" spans="1:5" s="3" customFormat="1" x14ac:dyDescent="0.15">
      <c r="A45" s="1" t="s">
        <v>2108</v>
      </c>
      <c r="B45" s="1" t="s">
        <v>2109</v>
      </c>
      <c r="C45" s="1"/>
      <c r="D45" s="1"/>
      <c r="E45" s="17"/>
    </row>
    <row r="46" spans="1:5" s="3" customFormat="1" x14ac:dyDescent="0.15">
      <c r="A46" s="7" t="s">
        <v>1172</v>
      </c>
      <c r="B46" s="7" t="s">
        <v>1180</v>
      </c>
      <c r="C46" s="7"/>
      <c r="D46" s="7"/>
      <c r="E46" s="17"/>
    </row>
    <row r="47" spans="1:5" s="3" customFormat="1" ht="34.5" x14ac:dyDescent="0.15">
      <c r="A47" s="7" t="s">
        <v>2110</v>
      </c>
      <c r="B47" s="7" t="s">
        <v>2111</v>
      </c>
      <c r="C47" s="7"/>
      <c r="D47" s="7"/>
      <c r="E47" s="17"/>
    </row>
    <row r="48" spans="1:5" s="3" customFormat="1" x14ac:dyDescent="0.15">
      <c r="A48" s="7" t="s">
        <v>696</v>
      </c>
      <c r="B48" s="1" t="s">
        <v>2112</v>
      </c>
      <c r="C48" s="7"/>
      <c r="D48" s="7"/>
      <c r="E48" s="17"/>
    </row>
    <row r="49" spans="1:5" s="3" customFormat="1" ht="34.5" x14ac:dyDescent="0.15">
      <c r="A49" s="7" t="s">
        <v>2591</v>
      </c>
      <c r="B49" s="1" t="s">
        <v>2592</v>
      </c>
      <c r="C49" s="7"/>
      <c r="D49" s="7"/>
      <c r="E49" s="17"/>
    </row>
    <row r="50" spans="1:5" s="3" customFormat="1" x14ac:dyDescent="0.15">
      <c r="A50" s="7" t="s">
        <v>1181</v>
      </c>
      <c r="B50" s="7"/>
      <c r="C50" s="7" t="s">
        <v>1132</v>
      </c>
      <c r="D50" s="7"/>
      <c r="E50" s="17"/>
    </row>
    <row r="51" spans="1:5" s="3" customFormat="1" x14ac:dyDescent="0.15">
      <c r="A51" s="1" t="s">
        <v>2113</v>
      </c>
      <c r="B51" s="1" t="s">
        <v>2114</v>
      </c>
      <c r="C51" s="1"/>
      <c r="D51" s="1"/>
      <c r="E51" s="17"/>
    </row>
    <row r="52" spans="1:5" s="3" customFormat="1" x14ac:dyDescent="0.15">
      <c r="A52" s="1" t="s">
        <v>2648</v>
      </c>
      <c r="B52" s="1" t="s">
        <v>2650</v>
      </c>
      <c r="C52" s="1"/>
      <c r="D52" s="1"/>
      <c r="E52" s="17"/>
    </row>
    <row r="53" spans="1:5" s="3" customFormat="1" x14ac:dyDescent="0.15">
      <c r="A53" s="1" t="s">
        <v>2649</v>
      </c>
      <c r="B53" s="1" t="s">
        <v>2651</v>
      </c>
      <c r="C53" s="1"/>
      <c r="D53" s="1"/>
      <c r="E53" s="17"/>
    </row>
    <row r="54" spans="1:5" s="3" customFormat="1" x14ac:dyDescent="0.15">
      <c r="A54" s="7" t="s">
        <v>690</v>
      </c>
      <c r="B54" s="1" t="s">
        <v>2115</v>
      </c>
      <c r="C54" s="7"/>
      <c r="D54" s="7"/>
      <c r="E54" s="17"/>
    </row>
    <row r="55" spans="1:5" s="3" customFormat="1" x14ac:dyDescent="0.15">
      <c r="A55" s="1" t="s">
        <v>2116</v>
      </c>
      <c r="B55" s="1" t="s">
        <v>2117</v>
      </c>
      <c r="C55" s="1"/>
      <c r="D55" s="1"/>
      <c r="E55" s="17"/>
    </row>
    <row r="56" spans="1:5" s="3" customFormat="1" ht="34.5" x14ac:dyDescent="0.15">
      <c r="A56" s="7" t="s">
        <v>2118</v>
      </c>
      <c r="B56" s="1"/>
      <c r="C56" s="7" t="s">
        <v>1132</v>
      </c>
      <c r="D56" s="7" t="s">
        <v>1908</v>
      </c>
      <c r="E56" s="17"/>
    </row>
    <row r="57" spans="1:5" s="3" customFormat="1" x14ac:dyDescent="0.15">
      <c r="A57" s="7" t="s">
        <v>694</v>
      </c>
      <c r="B57" s="1" t="s">
        <v>2119</v>
      </c>
      <c r="C57" s="7"/>
      <c r="D57" s="7"/>
      <c r="E57" s="17"/>
    </row>
    <row r="58" spans="1:5" s="3" customFormat="1" x14ac:dyDescent="0.15">
      <c r="A58" s="7" t="s">
        <v>697</v>
      </c>
      <c r="B58" s="1" t="s">
        <v>2120</v>
      </c>
      <c r="C58" s="7"/>
      <c r="D58" s="7"/>
      <c r="E58" s="17"/>
    </row>
    <row r="59" spans="1:5" s="3" customFormat="1" x14ac:dyDescent="0.15">
      <c r="A59" s="7" t="s">
        <v>698</v>
      </c>
      <c r="B59" s="1" t="s">
        <v>2121</v>
      </c>
      <c r="C59" s="7"/>
      <c r="D59" s="7"/>
      <c r="E59" s="17"/>
    </row>
    <row r="60" spans="1:5" s="3" customFormat="1" x14ac:dyDescent="0.15">
      <c r="A60" s="7" t="s">
        <v>1182</v>
      </c>
      <c r="B60" s="7"/>
      <c r="C60" s="7" t="s">
        <v>1132</v>
      </c>
      <c r="D60" s="7"/>
      <c r="E60" s="17"/>
    </row>
    <row r="61" spans="1:5" s="3" customFormat="1" x14ac:dyDescent="0.15">
      <c r="A61" s="7" t="s">
        <v>1183</v>
      </c>
      <c r="B61" s="7" t="s">
        <v>1184</v>
      </c>
      <c r="C61" s="7"/>
      <c r="D61" s="7"/>
      <c r="E61" s="17"/>
    </row>
    <row r="62" spans="1:5" s="3" customFormat="1" ht="69" x14ac:dyDescent="0.15">
      <c r="A62" s="7" t="s">
        <v>2122</v>
      </c>
      <c r="B62" s="7" t="s">
        <v>2123</v>
      </c>
      <c r="C62" s="7"/>
      <c r="D62" s="7"/>
      <c r="E62" s="17"/>
    </row>
    <row r="63" spans="1:5" s="3" customFormat="1" x14ac:dyDescent="0.15">
      <c r="A63" s="7" t="s">
        <v>2543</v>
      </c>
      <c r="B63" s="7" t="s">
        <v>2552</v>
      </c>
      <c r="C63" s="7"/>
      <c r="D63" s="7"/>
      <c r="E63" s="17"/>
    </row>
    <row r="64" spans="1:5" s="3" customFormat="1" ht="34.5" x14ac:dyDescent="0.15">
      <c r="A64" s="7" t="s">
        <v>2143</v>
      </c>
      <c r="B64" s="7" t="s">
        <v>2144</v>
      </c>
      <c r="C64" s="7"/>
      <c r="D64" s="7"/>
      <c r="E64" s="17"/>
    </row>
    <row r="65" spans="1:5" s="3" customFormat="1" ht="34.5" x14ac:dyDescent="0.15">
      <c r="A65" s="7" t="s">
        <v>1185</v>
      </c>
      <c r="B65" s="7" t="s">
        <v>1186</v>
      </c>
      <c r="C65" s="7"/>
      <c r="D65" s="7"/>
      <c r="E65" s="17"/>
    </row>
    <row r="66" spans="1:5" s="3" customFormat="1" ht="34.5" x14ac:dyDescent="0.15">
      <c r="A66" s="7" t="s">
        <v>687</v>
      </c>
      <c r="B66" s="1" t="s">
        <v>2124</v>
      </c>
      <c r="C66" s="7"/>
      <c r="D66" s="7"/>
      <c r="E66" s="17"/>
    </row>
    <row r="67" spans="1:5" s="3" customFormat="1" ht="34.5" x14ac:dyDescent="0.15">
      <c r="A67" s="7" t="s">
        <v>2484</v>
      </c>
      <c r="B67" s="1" t="s">
        <v>2125</v>
      </c>
      <c r="C67" s="7"/>
      <c r="D67" s="7"/>
      <c r="E67" s="17"/>
    </row>
    <row r="68" spans="1:5" s="3" customFormat="1" x14ac:dyDescent="0.15">
      <c r="A68" s="7" t="s">
        <v>1187</v>
      </c>
      <c r="B68" s="7"/>
      <c r="C68" s="7"/>
      <c r="D68" s="7"/>
      <c r="E68" s="17"/>
    </row>
    <row r="69" spans="1:5" s="3" customFormat="1" ht="51.75" x14ac:dyDescent="0.15">
      <c r="A69" s="7" t="s">
        <v>695</v>
      </c>
      <c r="B69" s="1" t="s">
        <v>2526</v>
      </c>
      <c r="C69" s="7"/>
      <c r="D69" s="7"/>
      <c r="E69" s="17"/>
    </row>
    <row r="70" spans="1:5" s="3" customFormat="1" x14ac:dyDescent="0.15">
      <c r="A70" s="7" t="s">
        <v>699</v>
      </c>
      <c r="B70" s="1" t="s">
        <v>2126</v>
      </c>
      <c r="C70" s="7"/>
      <c r="D70" s="7"/>
      <c r="E70" s="17"/>
    </row>
    <row r="71" spans="1:5" s="3" customFormat="1" x14ac:dyDescent="0.15">
      <c r="A71" s="7" t="s">
        <v>1188</v>
      </c>
      <c r="B71" s="7"/>
      <c r="C71" s="7" t="s">
        <v>1132</v>
      </c>
      <c r="D71" s="7"/>
      <c r="E71" s="17"/>
    </row>
    <row r="72" spans="1:5" s="3" customFormat="1" x14ac:dyDescent="0.15">
      <c r="A72" s="7" t="s">
        <v>1189</v>
      </c>
      <c r="B72" s="1"/>
      <c r="C72" s="7" t="s">
        <v>1132</v>
      </c>
      <c r="D72" s="7"/>
      <c r="E72" s="17"/>
    </row>
    <row r="73" spans="1:5" s="3" customFormat="1" ht="34.5" x14ac:dyDescent="0.15">
      <c r="A73" s="7" t="s">
        <v>2652</v>
      </c>
      <c r="B73" s="1" t="s">
        <v>2653</v>
      </c>
      <c r="C73" s="7"/>
      <c r="D73" s="7"/>
      <c r="E73" s="17"/>
    </row>
    <row r="74" spans="1:5" s="3" customFormat="1" x14ac:dyDescent="0.15">
      <c r="A74" s="7" t="s">
        <v>1190</v>
      </c>
      <c r="B74" s="1"/>
      <c r="C74" s="7" t="s">
        <v>1132</v>
      </c>
      <c r="D74" s="7"/>
      <c r="E74" s="17"/>
    </row>
    <row r="75" spans="1:5" x14ac:dyDescent="0.15">
      <c r="A75" s="7" t="s">
        <v>1191</v>
      </c>
      <c r="B75" s="1"/>
      <c r="C75" s="7" t="s">
        <v>1132</v>
      </c>
      <c r="D75" s="7"/>
    </row>
    <row r="76" spans="1:5" x14ac:dyDescent="0.15">
      <c r="A76" s="7" t="s">
        <v>2127</v>
      </c>
      <c r="B76" s="1" t="s">
        <v>2128</v>
      </c>
      <c r="C76" s="7"/>
      <c r="D76" s="7"/>
    </row>
    <row r="77" spans="1:5" x14ac:dyDescent="0.15">
      <c r="A77" s="7" t="s">
        <v>2576</v>
      </c>
      <c r="B77" s="1" t="s">
        <v>2577</v>
      </c>
      <c r="C77" s="7"/>
      <c r="D77" s="7"/>
    </row>
    <row r="78" spans="1:5" x14ac:dyDescent="0.15">
      <c r="A78" s="14" t="s">
        <v>2129</v>
      </c>
      <c r="B78" s="14" t="s">
        <v>2130</v>
      </c>
      <c r="C78" s="14"/>
      <c r="D78" s="25"/>
    </row>
    <row r="79" spans="1:5" ht="34.5" x14ac:dyDescent="0.15">
      <c r="A79" s="7" t="s">
        <v>688</v>
      </c>
      <c r="B79" s="1" t="s">
        <v>2525</v>
      </c>
      <c r="C79" s="7"/>
      <c r="D79" s="7"/>
    </row>
    <row r="80" spans="1:5" x14ac:dyDescent="0.15">
      <c r="A80" s="7" t="s">
        <v>2482</v>
      </c>
      <c r="B80" s="1" t="s">
        <v>2483</v>
      </c>
      <c r="C80" s="7"/>
      <c r="D80" s="7"/>
      <c r="E80" s="8"/>
    </row>
    <row r="81" spans="1:4" x14ac:dyDescent="0.15">
      <c r="A81" s="7" t="s">
        <v>1192</v>
      </c>
      <c r="B81" s="1" t="s">
        <v>2131</v>
      </c>
      <c r="C81" s="7" t="s">
        <v>1132</v>
      </c>
      <c r="D81" s="37"/>
    </row>
    <row r="82" spans="1:4" x14ac:dyDescent="0.15">
      <c r="A82" s="7" t="s">
        <v>2494</v>
      </c>
      <c r="B82" s="1" t="s">
        <v>2495</v>
      </c>
      <c r="C82" s="7"/>
      <c r="D82" s="37"/>
    </row>
    <row r="83" spans="1:4" x14ac:dyDescent="0.15">
      <c r="A83" s="7" t="s">
        <v>2145</v>
      </c>
      <c r="B83" s="1" t="s">
        <v>2470</v>
      </c>
      <c r="C83" s="7"/>
      <c r="D83" s="7"/>
    </row>
    <row r="84" spans="1:4" x14ac:dyDescent="0.15">
      <c r="A84" s="7" t="s">
        <v>1193</v>
      </c>
      <c r="B84" s="7" t="s">
        <v>1194</v>
      </c>
      <c r="C84" s="7"/>
      <c r="D84" s="7"/>
    </row>
    <row r="85" spans="1:4" x14ac:dyDescent="0.15">
      <c r="A85" s="7" t="s">
        <v>1202</v>
      </c>
      <c r="B85" s="7"/>
      <c r="C85" s="7"/>
      <c r="D85" s="7" t="s">
        <v>1170</v>
      </c>
    </row>
    <row r="86" spans="1:4" x14ac:dyDescent="0.15">
      <c r="A86" s="7" t="s">
        <v>1203</v>
      </c>
      <c r="B86" s="1" t="s">
        <v>2132</v>
      </c>
      <c r="C86" s="7"/>
      <c r="D86" s="7"/>
    </row>
    <row r="87" spans="1:4" x14ac:dyDescent="0.15">
      <c r="A87" s="7" t="s">
        <v>1204</v>
      </c>
      <c r="B87" s="1"/>
      <c r="C87" s="7"/>
      <c r="D87" s="7"/>
    </row>
    <row r="88" spans="1:4" x14ac:dyDescent="0.15">
      <c r="A88" s="7" t="s">
        <v>1205</v>
      </c>
      <c r="B88" s="7"/>
      <c r="C88" s="7"/>
      <c r="D88" s="7"/>
    </row>
    <row r="89" spans="1:4" x14ac:dyDescent="0.2">
      <c r="A89" s="20" t="s">
        <v>2133</v>
      </c>
    </row>
    <row r="90" spans="1:4" x14ac:dyDescent="0.2">
      <c r="A90" s="20" t="s">
        <v>2134</v>
      </c>
    </row>
    <row r="91" spans="1:4" x14ac:dyDescent="0.2">
      <c r="A91" s="20" t="s">
        <v>1663</v>
      </c>
    </row>
    <row r="92" spans="1:4" x14ac:dyDescent="0.2">
      <c r="A92" s="20" t="s">
        <v>2135</v>
      </c>
    </row>
    <row r="93" spans="1:4" x14ac:dyDescent="0.15">
      <c r="A93" s="12" t="s">
        <v>2136</v>
      </c>
    </row>
  </sheetData>
  <phoneticPr fontId="1"/>
  <printOptions horizontalCentered="1"/>
  <pageMargins left="0.59055118110236227" right="0.59055118110236227" top="0.59055118110236227" bottom="0.59055118110236227" header="0.6692913385826772" footer="0.19685039370078741"/>
  <pageSetup paperSize="9" scale="70" fitToHeight="2" orientation="portrait" horizontalDpi="300" verticalDpi="300" r:id="rId1"/>
  <headerFooter alignWithMargins="0">
    <oddHeader xml:space="preserve">&amp;R
</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983"/>
  <sheetViews>
    <sheetView view="pageLayout" topLeftCell="A751" zoomScaleNormal="100" workbookViewId="0">
      <selection activeCell="D813" sqref="D813"/>
    </sheetView>
  </sheetViews>
  <sheetFormatPr defaultColWidth="9.140625" defaultRowHeight="17.25" x14ac:dyDescent="0.2"/>
  <cols>
    <col min="1" max="1" width="28.7109375" style="29" customWidth="1"/>
    <col min="2" max="2" width="35.7109375" style="29" customWidth="1"/>
    <col min="3" max="3" width="30.7109375" style="29" customWidth="1"/>
    <col min="4" max="4" width="37.7109375" style="29" customWidth="1"/>
    <col min="5" max="16384" width="9.140625" style="29"/>
  </cols>
  <sheetData>
    <row r="1" spans="1:4" x14ac:dyDescent="0.2">
      <c r="A1" s="51" t="s">
        <v>2622</v>
      </c>
      <c r="B1" s="51"/>
      <c r="C1" s="51"/>
      <c r="D1" s="51"/>
    </row>
    <row r="2" spans="1:4" x14ac:dyDescent="0.2">
      <c r="A2" s="20" t="s">
        <v>1156</v>
      </c>
      <c r="B2" s="51"/>
      <c r="C2" s="51"/>
      <c r="D2" s="51"/>
    </row>
    <row r="3" spans="1:4" x14ac:dyDescent="0.2">
      <c r="A3" s="20" t="s">
        <v>1253</v>
      </c>
      <c r="B3" s="51"/>
      <c r="C3" s="51"/>
      <c r="D3" s="51"/>
    </row>
    <row r="4" spans="1:4" x14ac:dyDescent="0.2">
      <c r="A4" s="20" t="s">
        <v>1127</v>
      </c>
      <c r="B4" s="51"/>
      <c r="C4" s="51"/>
      <c r="D4" s="51"/>
    </row>
    <row r="5" spans="1:4" x14ac:dyDescent="0.2">
      <c r="A5" s="26" t="s">
        <v>1128</v>
      </c>
      <c r="B5" s="57" t="s">
        <v>1129</v>
      </c>
      <c r="C5" s="57" t="s">
        <v>2522</v>
      </c>
      <c r="D5" s="57" t="s">
        <v>1130</v>
      </c>
    </row>
    <row r="6" spans="1:4" s="3" customFormat="1" x14ac:dyDescent="0.15">
      <c r="A6" s="7" t="s">
        <v>1667</v>
      </c>
      <c r="B6" s="7"/>
      <c r="C6" s="7" t="s">
        <v>1668</v>
      </c>
      <c r="D6" s="7"/>
    </row>
    <row r="7" spans="1:4" s="3" customFormat="1" x14ac:dyDescent="0.15">
      <c r="A7" s="7" t="s">
        <v>1669</v>
      </c>
      <c r="B7" s="7"/>
      <c r="C7" s="7" t="s">
        <v>1670</v>
      </c>
      <c r="D7" s="7"/>
    </row>
    <row r="8" spans="1:4" s="3" customFormat="1" x14ac:dyDescent="0.15">
      <c r="A8" s="7" t="s">
        <v>1671</v>
      </c>
      <c r="B8" s="7" t="s">
        <v>1132</v>
      </c>
      <c r="C8" s="7" t="s">
        <v>1260</v>
      </c>
      <c r="D8" s="7"/>
    </row>
    <row r="9" spans="1:4" s="3" customFormat="1" x14ac:dyDescent="0.15">
      <c r="A9" s="7" t="s">
        <v>1672</v>
      </c>
      <c r="B9" s="7" t="s">
        <v>1132</v>
      </c>
      <c r="C9" s="7" t="s">
        <v>1267</v>
      </c>
      <c r="D9" s="7"/>
    </row>
    <row r="10" spans="1:4" s="3" customFormat="1" ht="51.75" x14ac:dyDescent="0.15">
      <c r="A10" s="7" t="s">
        <v>1254</v>
      </c>
      <c r="B10" s="7" t="s">
        <v>2643</v>
      </c>
      <c r="C10" s="7" t="s">
        <v>1255</v>
      </c>
      <c r="D10" s="7"/>
    </row>
    <row r="11" spans="1:4" s="3" customFormat="1" x14ac:dyDescent="0.15">
      <c r="A11" s="1" t="s">
        <v>1673</v>
      </c>
      <c r="B11" s="1" t="s">
        <v>1674</v>
      </c>
      <c r="C11" s="1" t="s">
        <v>1675</v>
      </c>
      <c r="D11" s="1"/>
    </row>
    <row r="12" spans="1:4" s="3" customFormat="1" x14ac:dyDescent="0.15">
      <c r="A12" s="7" t="s">
        <v>1676</v>
      </c>
      <c r="B12" s="7" t="s">
        <v>1132</v>
      </c>
      <c r="C12" s="7" t="s">
        <v>1257</v>
      </c>
      <c r="D12" s="7"/>
    </row>
    <row r="13" spans="1:4" s="3" customFormat="1" x14ac:dyDescent="0.15">
      <c r="A13" s="1" t="s">
        <v>2146</v>
      </c>
      <c r="B13" s="1"/>
      <c r="C13" s="1" t="s">
        <v>1277</v>
      </c>
      <c r="D13" s="1" t="s">
        <v>1677</v>
      </c>
    </row>
    <row r="14" spans="1:4" s="3" customFormat="1" ht="34.5" x14ac:dyDescent="0.15">
      <c r="A14" s="7" t="s">
        <v>2147</v>
      </c>
      <c r="B14" s="7" t="s">
        <v>1678</v>
      </c>
      <c r="C14" s="7" t="s">
        <v>1679</v>
      </c>
      <c r="D14" s="7"/>
    </row>
    <row r="15" spans="1:4" s="3" customFormat="1" x14ac:dyDescent="0.15">
      <c r="A15" s="7" t="s">
        <v>1680</v>
      </c>
      <c r="B15" s="7"/>
      <c r="C15" s="7" t="s">
        <v>1681</v>
      </c>
      <c r="D15" s="7"/>
    </row>
    <row r="16" spans="1:4" s="3" customFormat="1" x14ac:dyDescent="0.15">
      <c r="A16" s="7" t="s">
        <v>1682</v>
      </c>
      <c r="B16" s="7" t="s">
        <v>1683</v>
      </c>
      <c r="C16" s="7" t="s">
        <v>1260</v>
      </c>
      <c r="D16" s="7"/>
    </row>
    <row r="17" spans="1:4" s="3" customFormat="1" x14ac:dyDescent="0.15">
      <c r="A17" s="7" t="s">
        <v>2148</v>
      </c>
      <c r="B17" s="7"/>
      <c r="C17" s="7" t="s">
        <v>1257</v>
      </c>
      <c r="D17" s="7"/>
    </row>
    <row r="18" spans="1:4" s="3" customFormat="1" x14ac:dyDescent="0.15">
      <c r="A18" s="7" t="s">
        <v>2149</v>
      </c>
      <c r="B18" s="7" t="s">
        <v>1132</v>
      </c>
      <c r="C18" s="7" t="s">
        <v>1255</v>
      </c>
      <c r="D18" s="7"/>
    </row>
    <row r="19" spans="1:4" s="3" customFormat="1" ht="34.5" x14ac:dyDescent="0.15">
      <c r="A19" s="1" t="s">
        <v>2150</v>
      </c>
      <c r="B19" s="1" t="s">
        <v>2151</v>
      </c>
      <c r="C19" s="1" t="s">
        <v>1684</v>
      </c>
      <c r="D19" s="1"/>
    </row>
    <row r="20" spans="1:4" s="3" customFormat="1" x14ac:dyDescent="0.15">
      <c r="A20" s="1" t="s">
        <v>2152</v>
      </c>
      <c r="B20" s="1" t="s">
        <v>1688</v>
      </c>
      <c r="C20" s="1" t="s">
        <v>1689</v>
      </c>
      <c r="D20" s="1"/>
    </row>
    <row r="21" spans="1:4" s="3" customFormat="1" x14ac:dyDescent="0.15">
      <c r="A21" s="7" t="s">
        <v>1690</v>
      </c>
      <c r="B21" s="7" t="s">
        <v>1132</v>
      </c>
      <c r="C21" s="7" t="s">
        <v>1260</v>
      </c>
      <c r="D21" s="7"/>
    </row>
    <row r="22" spans="1:4" s="3" customFormat="1" x14ac:dyDescent="0.15">
      <c r="A22" s="7" t="s">
        <v>1691</v>
      </c>
      <c r="B22" s="7" t="s">
        <v>1613</v>
      </c>
      <c r="C22" s="7" t="s">
        <v>1413</v>
      </c>
      <c r="D22" s="7" t="s">
        <v>1692</v>
      </c>
    </row>
    <row r="23" spans="1:4" s="3" customFormat="1" ht="34.5" x14ac:dyDescent="0.15">
      <c r="A23" s="7" t="s">
        <v>2153</v>
      </c>
      <c r="B23" s="7"/>
      <c r="C23" s="7" t="s">
        <v>1693</v>
      </c>
      <c r="D23" s="7" t="s">
        <v>2717</v>
      </c>
    </row>
    <row r="24" spans="1:4" s="3" customFormat="1" x14ac:dyDescent="0.15">
      <c r="A24" s="7" t="s">
        <v>1364</v>
      </c>
      <c r="B24" s="7" t="s">
        <v>1132</v>
      </c>
      <c r="C24" s="7" t="s">
        <v>1694</v>
      </c>
      <c r="D24" s="7" t="s">
        <v>1695</v>
      </c>
    </row>
    <row r="25" spans="1:4" s="3" customFormat="1" x14ac:dyDescent="0.15">
      <c r="A25" s="7" t="s">
        <v>1696</v>
      </c>
      <c r="B25" s="7" t="s">
        <v>1132</v>
      </c>
      <c r="C25" s="7" t="s">
        <v>1697</v>
      </c>
      <c r="D25" s="7"/>
    </row>
    <row r="26" spans="1:4" s="3" customFormat="1" x14ac:dyDescent="0.15">
      <c r="A26" s="7" t="s">
        <v>1698</v>
      </c>
      <c r="B26" s="7" t="s">
        <v>1640</v>
      </c>
      <c r="C26" s="7" t="s">
        <v>1699</v>
      </c>
      <c r="D26" s="7" t="s">
        <v>1700</v>
      </c>
    </row>
    <row r="27" spans="1:4" s="3" customFormat="1" x14ac:dyDescent="0.15">
      <c r="A27" s="7" t="s">
        <v>1701</v>
      </c>
      <c r="B27" s="7" t="s">
        <v>1702</v>
      </c>
      <c r="C27" s="7" t="s">
        <v>1260</v>
      </c>
      <c r="D27" s="7"/>
    </row>
    <row r="28" spans="1:4" s="3" customFormat="1" x14ac:dyDescent="0.15">
      <c r="A28" s="7" t="s">
        <v>1703</v>
      </c>
      <c r="B28" s="7" t="s">
        <v>1132</v>
      </c>
      <c r="C28" s="7" t="s">
        <v>1257</v>
      </c>
      <c r="D28" s="7"/>
    </row>
    <row r="29" spans="1:4" s="3" customFormat="1" x14ac:dyDescent="0.15">
      <c r="A29" s="7" t="s">
        <v>864</v>
      </c>
      <c r="B29" s="7" t="s">
        <v>1132</v>
      </c>
      <c r="C29" s="7" t="s">
        <v>865</v>
      </c>
      <c r="D29" s="7"/>
    </row>
    <row r="30" spans="1:4" s="3" customFormat="1" x14ac:dyDescent="0.15">
      <c r="A30" s="7" t="s">
        <v>1704</v>
      </c>
      <c r="B30" s="7" t="s">
        <v>1705</v>
      </c>
      <c r="C30" s="7" t="s">
        <v>1267</v>
      </c>
      <c r="D30" s="7"/>
    </row>
    <row r="31" spans="1:4" s="3" customFormat="1" x14ac:dyDescent="0.15">
      <c r="A31" s="7" t="s">
        <v>1706</v>
      </c>
      <c r="B31" s="7" t="s">
        <v>1132</v>
      </c>
      <c r="C31" s="7" t="s">
        <v>1257</v>
      </c>
      <c r="D31" s="7"/>
    </row>
    <row r="32" spans="1:4" s="3" customFormat="1" x14ac:dyDescent="0.15">
      <c r="A32" s="7" t="s">
        <v>1707</v>
      </c>
      <c r="B32" s="7" t="s">
        <v>1708</v>
      </c>
      <c r="C32" s="7" t="s">
        <v>1325</v>
      </c>
      <c r="D32" s="7"/>
    </row>
    <row r="33" spans="1:4" s="3" customFormat="1" ht="34.5" x14ac:dyDescent="0.15">
      <c r="A33" s="7" t="s">
        <v>2154</v>
      </c>
      <c r="B33" s="7" t="s">
        <v>1709</v>
      </c>
      <c r="C33" s="7" t="s">
        <v>1710</v>
      </c>
      <c r="D33" s="7"/>
    </row>
    <row r="34" spans="1:4" s="3" customFormat="1" x14ac:dyDescent="0.15">
      <c r="A34" s="7" t="s">
        <v>1711</v>
      </c>
      <c r="B34" s="7"/>
      <c r="C34" s="7" t="s">
        <v>1260</v>
      </c>
      <c r="D34" s="7"/>
    </row>
    <row r="35" spans="1:4" s="3" customFormat="1" x14ac:dyDescent="0.15">
      <c r="A35" s="1" t="s">
        <v>2155</v>
      </c>
      <c r="B35" s="1" t="s">
        <v>2156</v>
      </c>
      <c r="C35" s="1" t="s">
        <v>1712</v>
      </c>
      <c r="D35" s="1"/>
    </row>
    <row r="36" spans="1:4" s="3" customFormat="1" x14ac:dyDescent="0.15">
      <c r="A36" s="7" t="s">
        <v>2157</v>
      </c>
      <c r="B36" s="7" t="s">
        <v>1713</v>
      </c>
      <c r="C36" s="7" t="s">
        <v>1714</v>
      </c>
      <c r="D36" s="7"/>
    </row>
    <row r="37" spans="1:4" s="3" customFormat="1" x14ac:dyDescent="0.15">
      <c r="A37" s="7" t="s">
        <v>1715</v>
      </c>
      <c r="B37" s="7"/>
      <c r="C37" s="7" t="s">
        <v>1596</v>
      </c>
      <c r="D37" s="7"/>
    </row>
    <row r="38" spans="1:4" s="3" customFormat="1" ht="51.75" x14ac:dyDescent="0.15">
      <c r="A38" s="7" t="s">
        <v>2496</v>
      </c>
      <c r="B38" s="7" t="s">
        <v>2523</v>
      </c>
      <c r="C38" s="7" t="s">
        <v>1267</v>
      </c>
      <c r="D38" s="1"/>
    </row>
    <row r="39" spans="1:4" s="3" customFormat="1" x14ac:dyDescent="0.15">
      <c r="A39" s="7" t="s">
        <v>1716</v>
      </c>
      <c r="B39" s="7" t="s">
        <v>1132</v>
      </c>
      <c r="C39" s="7" t="s">
        <v>1717</v>
      </c>
      <c r="D39" s="7"/>
    </row>
    <row r="40" spans="1:4" s="3" customFormat="1" x14ac:dyDescent="0.15">
      <c r="A40" s="7" t="s">
        <v>2158</v>
      </c>
      <c r="B40" s="7" t="s">
        <v>1718</v>
      </c>
      <c r="C40" s="7" t="s">
        <v>1719</v>
      </c>
      <c r="D40" s="7"/>
    </row>
    <row r="41" spans="1:4" s="3" customFormat="1" x14ac:dyDescent="0.15">
      <c r="A41" s="7" t="s">
        <v>1720</v>
      </c>
      <c r="B41" s="7"/>
      <c r="C41" s="7" t="s">
        <v>1721</v>
      </c>
      <c r="D41" s="7"/>
    </row>
    <row r="42" spans="1:4" s="3" customFormat="1" x14ac:dyDescent="0.15">
      <c r="A42" s="7" t="s">
        <v>1722</v>
      </c>
      <c r="B42" s="7" t="s">
        <v>1723</v>
      </c>
      <c r="C42" s="7" t="s">
        <v>1260</v>
      </c>
      <c r="D42" s="7"/>
    </row>
    <row r="43" spans="1:4" s="3" customFormat="1" x14ac:dyDescent="0.15">
      <c r="A43" s="1" t="s">
        <v>1724</v>
      </c>
      <c r="B43" s="1" t="s">
        <v>1725</v>
      </c>
      <c r="C43" s="1" t="s">
        <v>1445</v>
      </c>
      <c r="D43" s="1"/>
    </row>
    <row r="44" spans="1:4" s="3" customFormat="1" x14ac:dyDescent="0.15">
      <c r="A44" s="7" t="s">
        <v>1726</v>
      </c>
      <c r="B44" s="7" t="s">
        <v>1132</v>
      </c>
      <c r="C44" s="7" t="s">
        <v>1260</v>
      </c>
      <c r="D44" s="7"/>
    </row>
    <row r="45" spans="1:4" s="3" customFormat="1" ht="51.75" x14ac:dyDescent="0.15">
      <c r="A45" s="7" t="s">
        <v>2159</v>
      </c>
      <c r="B45" s="7" t="s">
        <v>2160</v>
      </c>
      <c r="C45" s="7" t="s">
        <v>283</v>
      </c>
      <c r="D45" s="7"/>
    </row>
    <row r="46" spans="1:4" s="3" customFormat="1" x14ac:dyDescent="0.15">
      <c r="A46" s="1" t="s">
        <v>1728</v>
      </c>
      <c r="B46" s="1"/>
      <c r="C46" s="1" t="s">
        <v>1328</v>
      </c>
      <c r="D46" s="1"/>
    </row>
    <row r="47" spans="1:4" s="3" customFormat="1" x14ac:dyDescent="0.15">
      <c r="A47" s="1" t="s">
        <v>1729</v>
      </c>
      <c r="B47" s="1"/>
      <c r="C47" s="1" t="s">
        <v>1257</v>
      </c>
      <c r="D47" s="1"/>
    </row>
    <row r="48" spans="1:4" s="3" customFormat="1" x14ac:dyDescent="0.15">
      <c r="A48" s="7" t="s">
        <v>2161</v>
      </c>
      <c r="B48" s="7" t="s">
        <v>1730</v>
      </c>
      <c r="C48" s="7" t="s">
        <v>1731</v>
      </c>
      <c r="D48" s="7"/>
    </row>
    <row r="49" spans="1:4" s="3" customFormat="1" x14ac:dyDescent="0.15">
      <c r="A49" s="7" t="s">
        <v>1732</v>
      </c>
      <c r="B49" s="7" t="s">
        <v>1132</v>
      </c>
      <c r="C49" s="7" t="s">
        <v>1260</v>
      </c>
      <c r="D49" s="7"/>
    </row>
    <row r="50" spans="1:4" s="3" customFormat="1" x14ac:dyDescent="0.15">
      <c r="A50" s="7" t="s">
        <v>1733</v>
      </c>
      <c r="B50" s="7" t="s">
        <v>1734</v>
      </c>
      <c r="C50" s="7" t="s">
        <v>1735</v>
      </c>
      <c r="D50" s="7"/>
    </row>
    <row r="51" spans="1:4" s="3" customFormat="1" x14ac:dyDescent="0.15">
      <c r="A51" s="7" t="s">
        <v>2162</v>
      </c>
      <c r="B51" s="7" t="s">
        <v>1736</v>
      </c>
      <c r="C51" s="7" t="s">
        <v>1300</v>
      </c>
      <c r="D51" s="7"/>
    </row>
    <row r="52" spans="1:4" s="3" customFormat="1" ht="34.5" x14ac:dyDescent="0.15">
      <c r="A52" s="7" t="s">
        <v>2163</v>
      </c>
      <c r="B52" s="7" t="s">
        <v>1737</v>
      </c>
      <c r="C52" s="7" t="s">
        <v>1260</v>
      </c>
      <c r="D52" s="7"/>
    </row>
    <row r="53" spans="1:4" s="3" customFormat="1" x14ac:dyDescent="0.15">
      <c r="A53" s="7" t="s">
        <v>2164</v>
      </c>
      <c r="B53" s="7" t="s">
        <v>1738</v>
      </c>
      <c r="C53" s="7" t="s">
        <v>1739</v>
      </c>
      <c r="D53" s="7" t="s">
        <v>1740</v>
      </c>
    </row>
    <row r="54" spans="1:4" s="3" customFormat="1" x14ac:dyDescent="0.15">
      <c r="A54" s="7" t="s">
        <v>1741</v>
      </c>
      <c r="B54" s="7" t="s">
        <v>1742</v>
      </c>
      <c r="C54" s="7" t="s">
        <v>1260</v>
      </c>
      <c r="D54" s="7"/>
    </row>
    <row r="55" spans="1:4" s="3" customFormat="1" x14ac:dyDescent="0.15">
      <c r="A55" s="7" t="s">
        <v>1743</v>
      </c>
      <c r="B55" s="7" t="s">
        <v>1132</v>
      </c>
      <c r="C55" s="7" t="s">
        <v>1388</v>
      </c>
      <c r="D55" s="7"/>
    </row>
    <row r="56" spans="1:4" s="3" customFormat="1" ht="34.5" x14ac:dyDescent="0.15">
      <c r="A56" s="7" t="s">
        <v>2165</v>
      </c>
      <c r="B56" s="7"/>
      <c r="C56" s="7" t="s">
        <v>1744</v>
      </c>
      <c r="D56" s="7"/>
    </row>
    <row r="57" spans="1:4" s="3" customFormat="1" ht="34.5" x14ac:dyDescent="0.15">
      <c r="A57" s="7" t="s">
        <v>2537</v>
      </c>
      <c r="B57" s="7" t="s">
        <v>2538</v>
      </c>
      <c r="C57" s="7" t="s">
        <v>2536</v>
      </c>
      <c r="D57" s="7"/>
    </row>
    <row r="58" spans="1:4" s="3" customFormat="1" ht="51.75" x14ac:dyDescent="0.15">
      <c r="A58" s="7" t="s">
        <v>2166</v>
      </c>
      <c r="B58" s="7" t="s">
        <v>2167</v>
      </c>
      <c r="C58" s="7" t="s">
        <v>1124</v>
      </c>
      <c r="D58" s="7" t="s">
        <v>700</v>
      </c>
    </row>
    <row r="59" spans="1:4" s="3" customFormat="1" ht="34.5" x14ac:dyDescent="0.15">
      <c r="A59" s="7" t="s">
        <v>2168</v>
      </c>
      <c r="B59" s="7" t="s">
        <v>1745</v>
      </c>
      <c r="C59" s="7" t="s">
        <v>1746</v>
      </c>
      <c r="D59" s="7"/>
    </row>
    <row r="60" spans="1:4" s="3" customFormat="1" x14ac:dyDescent="0.15">
      <c r="A60" s="7" t="s">
        <v>1747</v>
      </c>
      <c r="B60" s="7" t="s">
        <v>1748</v>
      </c>
      <c r="C60" s="7" t="s">
        <v>1269</v>
      </c>
      <c r="D60" s="7"/>
    </row>
    <row r="61" spans="1:4" s="3" customFormat="1" x14ac:dyDescent="0.15">
      <c r="A61" s="7" t="s">
        <v>1749</v>
      </c>
      <c r="B61" s="7" t="s">
        <v>1750</v>
      </c>
      <c r="C61" s="7" t="s">
        <v>1258</v>
      </c>
      <c r="D61" s="7"/>
    </row>
    <row r="62" spans="1:4" s="3" customFormat="1" x14ac:dyDescent="0.15">
      <c r="A62" s="7" t="s">
        <v>1387</v>
      </c>
      <c r="B62" s="7" t="s">
        <v>1132</v>
      </c>
      <c r="C62" s="7" t="s">
        <v>1751</v>
      </c>
      <c r="D62" s="7" t="s">
        <v>1700</v>
      </c>
    </row>
    <row r="63" spans="1:4" s="3" customFormat="1" x14ac:dyDescent="0.15">
      <c r="A63" s="7" t="s">
        <v>1263</v>
      </c>
      <c r="B63" s="7" t="s">
        <v>1264</v>
      </c>
      <c r="C63" s="7" t="s">
        <v>1325</v>
      </c>
      <c r="D63" s="7" t="s">
        <v>1752</v>
      </c>
    </row>
    <row r="64" spans="1:4" s="3" customFormat="1" x14ac:dyDescent="0.15">
      <c r="A64" s="7" t="s">
        <v>1753</v>
      </c>
      <c r="B64" s="7" t="s">
        <v>1132</v>
      </c>
      <c r="C64" s="7" t="s">
        <v>1754</v>
      </c>
      <c r="D64" s="7"/>
    </row>
    <row r="65" spans="1:4" s="3" customFormat="1" x14ac:dyDescent="0.15">
      <c r="A65" s="7" t="s">
        <v>1755</v>
      </c>
      <c r="B65" s="7"/>
      <c r="C65" s="7" t="s">
        <v>1566</v>
      </c>
      <c r="D65" s="7"/>
    </row>
    <row r="66" spans="1:4" s="3" customFormat="1" ht="34.5" x14ac:dyDescent="0.15">
      <c r="A66" s="7" t="s">
        <v>1638</v>
      </c>
      <c r="B66" s="7" t="s">
        <v>2169</v>
      </c>
      <c r="C66" s="7" t="s">
        <v>1260</v>
      </c>
      <c r="D66" s="7"/>
    </row>
    <row r="67" spans="1:4" s="3" customFormat="1" x14ac:dyDescent="0.15">
      <c r="A67" s="7" t="s">
        <v>1756</v>
      </c>
      <c r="B67" s="7" t="s">
        <v>1757</v>
      </c>
      <c r="C67" s="7" t="s">
        <v>1566</v>
      </c>
      <c r="D67" s="7"/>
    </row>
    <row r="68" spans="1:4" s="3" customFormat="1" x14ac:dyDescent="0.15">
      <c r="A68" s="7" t="s">
        <v>1758</v>
      </c>
      <c r="B68" s="7" t="s">
        <v>1759</v>
      </c>
      <c r="C68" s="7" t="s">
        <v>2569</v>
      </c>
      <c r="D68" s="7"/>
    </row>
    <row r="69" spans="1:4" s="3" customFormat="1" x14ac:dyDescent="0.15">
      <c r="A69" s="7" t="s">
        <v>1760</v>
      </c>
      <c r="B69" s="7" t="s">
        <v>1132</v>
      </c>
      <c r="C69" s="7" t="s">
        <v>1761</v>
      </c>
      <c r="D69" s="7"/>
    </row>
    <row r="70" spans="1:4" s="3" customFormat="1" x14ac:dyDescent="0.15">
      <c r="A70" s="7" t="s">
        <v>1762</v>
      </c>
      <c r="B70" s="7"/>
      <c r="C70" s="7" t="s">
        <v>1267</v>
      </c>
      <c r="D70" s="7"/>
    </row>
    <row r="71" spans="1:4" s="3" customFormat="1" x14ac:dyDescent="0.15">
      <c r="A71" s="7" t="s">
        <v>1763</v>
      </c>
      <c r="B71" s="7" t="s">
        <v>1132</v>
      </c>
      <c r="C71" s="7" t="s">
        <v>1260</v>
      </c>
      <c r="D71" s="7"/>
    </row>
    <row r="72" spans="1:4" s="3" customFormat="1" x14ac:dyDescent="0.15">
      <c r="A72" s="7" t="s">
        <v>1764</v>
      </c>
      <c r="B72" s="7" t="s">
        <v>1765</v>
      </c>
      <c r="C72" s="7" t="s">
        <v>1766</v>
      </c>
      <c r="D72" s="7"/>
    </row>
    <row r="73" spans="1:4" s="3" customFormat="1" x14ac:dyDescent="0.15">
      <c r="A73" s="7" t="s">
        <v>1767</v>
      </c>
      <c r="B73" s="7" t="s">
        <v>1768</v>
      </c>
      <c r="C73" s="7" t="s">
        <v>1260</v>
      </c>
      <c r="D73" s="7"/>
    </row>
    <row r="74" spans="1:4" s="3" customFormat="1" x14ac:dyDescent="0.15">
      <c r="A74" s="7" t="s">
        <v>1769</v>
      </c>
      <c r="B74" s="7" t="s">
        <v>1132</v>
      </c>
      <c r="C74" s="7" t="s">
        <v>1770</v>
      </c>
      <c r="D74" s="7"/>
    </row>
    <row r="75" spans="1:4" s="3" customFormat="1" x14ac:dyDescent="0.15">
      <c r="A75" s="7" t="s">
        <v>1771</v>
      </c>
      <c r="B75" s="7"/>
      <c r="C75" s="7" t="s">
        <v>1257</v>
      </c>
      <c r="D75" s="7"/>
    </row>
    <row r="76" spans="1:4" s="3" customFormat="1" x14ac:dyDescent="0.15">
      <c r="A76" s="7" t="s">
        <v>1772</v>
      </c>
      <c r="B76" s="7" t="s">
        <v>2170</v>
      </c>
      <c r="C76" s="7" t="s">
        <v>1260</v>
      </c>
      <c r="D76" s="7"/>
    </row>
    <row r="77" spans="1:4" s="3" customFormat="1" x14ac:dyDescent="0.15">
      <c r="A77" s="7" t="s">
        <v>1773</v>
      </c>
      <c r="B77" s="7" t="s">
        <v>1774</v>
      </c>
      <c r="C77" s="7" t="s">
        <v>1775</v>
      </c>
      <c r="D77" s="7"/>
    </row>
    <row r="78" spans="1:4" s="3" customFormat="1" x14ac:dyDescent="0.15">
      <c r="A78" s="7" t="s">
        <v>1270</v>
      </c>
      <c r="B78" s="7" t="s">
        <v>1271</v>
      </c>
      <c r="C78" s="7" t="s">
        <v>1257</v>
      </c>
      <c r="D78" s="7" t="s">
        <v>1776</v>
      </c>
    </row>
    <row r="79" spans="1:4" s="3" customFormat="1" x14ac:dyDescent="0.15">
      <c r="A79" s="7" t="s">
        <v>1777</v>
      </c>
      <c r="B79" s="7"/>
      <c r="C79" s="7" t="s">
        <v>1260</v>
      </c>
      <c r="D79" s="7"/>
    </row>
    <row r="80" spans="1:4" s="3" customFormat="1" x14ac:dyDescent="0.15">
      <c r="A80" s="7" t="s">
        <v>1778</v>
      </c>
      <c r="B80" s="7" t="s">
        <v>1779</v>
      </c>
      <c r="C80" s="7" t="s">
        <v>1260</v>
      </c>
      <c r="D80" s="7"/>
    </row>
    <row r="81" spans="1:4" s="3" customFormat="1" x14ac:dyDescent="0.15">
      <c r="A81" s="7" t="s">
        <v>1780</v>
      </c>
      <c r="B81" s="7" t="s">
        <v>1781</v>
      </c>
      <c r="C81" s="7" t="s">
        <v>1260</v>
      </c>
      <c r="D81" s="7"/>
    </row>
    <row r="82" spans="1:4" s="3" customFormat="1" x14ac:dyDescent="0.15">
      <c r="A82" s="7" t="s">
        <v>1782</v>
      </c>
      <c r="B82" s="7" t="s">
        <v>1783</v>
      </c>
      <c r="C82" s="7" t="s">
        <v>1267</v>
      </c>
      <c r="D82" s="7"/>
    </row>
    <row r="83" spans="1:4" s="3" customFormat="1" x14ac:dyDescent="0.15">
      <c r="A83" s="7" t="s">
        <v>1784</v>
      </c>
      <c r="B83" s="7" t="s">
        <v>1785</v>
      </c>
      <c r="C83" s="7" t="s">
        <v>1257</v>
      </c>
      <c r="D83" s="7"/>
    </row>
    <row r="84" spans="1:4" s="3" customFormat="1" x14ac:dyDescent="0.15">
      <c r="A84" s="7" t="s">
        <v>1786</v>
      </c>
      <c r="B84" s="7" t="s">
        <v>1132</v>
      </c>
      <c r="C84" s="7" t="s">
        <v>1257</v>
      </c>
      <c r="D84" s="7"/>
    </row>
    <row r="85" spans="1:4" s="3" customFormat="1" ht="34.5" x14ac:dyDescent="0.15">
      <c r="A85" s="7" t="s">
        <v>2171</v>
      </c>
      <c r="B85" s="7" t="s">
        <v>1787</v>
      </c>
      <c r="C85" s="7" t="s">
        <v>1788</v>
      </c>
      <c r="D85" s="7"/>
    </row>
    <row r="86" spans="1:4" s="3" customFormat="1" x14ac:dyDescent="0.15">
      <c r="A86" s="7" t="s">
        <v>1789</v>
      </c>
      <c r="B86" s="7" t="s">
        <v>1790</v>
      </c>
      <c r="C86" s="7" t="s">
        <v>1791</v>
      </c>
      <c r="D86" s="7"/>
    </row>
    <row r="87" spans="1:4" s="3" customFormat="1" x14ac:dyDescent="0.15">
      <c r="A87" s="7" t="s">
        <v>1280</v>
      </c>
      <c r="B87" s="7" t="s">
        <v>2172</v>
      </c>
      <c r="C87" s="7" t="s">
        <v>1255</v>
      </c>
      <c r="D87" s="7"/>
    </row>
    <row r="88" spans="1:4" s="3" customFormat="1" x14ac:dyDescent="0.15">
      <c r="A88" s="7" t="s">
        <v>1792</v>
      </c>
      <c r="B88" s="7" t="s">
        <v>1132</v>
      </c>
      <c r="C88" s="7" t="s">
        <v>1694</v>
      </c>
      <c r="D88" s="7"/>
    </row>
    <row r="89" spans="1:4" s="3" customFormat="1" x14ac:dyDescent="0.15">
      <c r="A89" s="7" t="s">
        <v>1793</v>
      </c>
      <c r="B89" s="7" t="s">
        <v>1132</v>
      </c>
      <c r="C89" s="7" t="s">
        <v>1260</v>
      </c>
      <c r="D89" s="7"/>
    </row>
    <row r="90" spans="1:4" s="3" customFormat="1" x14ac:dyDescent="0.15">
      <c r="A90" s="7" t="s">
        <v>1794</v>
      </c>
      <c r="B90" s="7" t="s">
        <v>1132</v>
      </c>
      <c r="C90" s="7" t="s">
        <v>1277</v>
      </c>
      <c r="D90" s="7"/>
    </row>
    <row r="91" spans="1:4" s="3" customFormat="1" x14ac:dyDescent="0.15">
      <c r="A91" s="7" t="s">
        <v>1795</v>
      </c>
      <c r="B91" s="7" t="s">
        <v>1796</v>
      </c>
      <c r="C91" s="7" t="s">
        <v>1797</v>
      </c>
      <c r="D91" s="7"/>
    </row>
    <row r="92" spans="1:4" s="3" customFormat="1" x14ac:dyDescent="0.15">
      <c r="A92" s="7" t="s">
        <v>1798</v>
      </c>
      <c r="B92" s="7" t="s">
        <v>1132</v>
      </c>
      <c r="C92" s="7" t="s">
        <v>1295</v>
      </c>
      <c r="D92" s="7"/>
    </row>
    <row r="93" spans="1:4" s="3" customFormat="1" x14ac:dyDescent="0.15">
      <c r="A93" s="7" t="s">
        <v>1799</v>
      </c>
      <c r="B93" s="7" t="s">
        <v>1132</v>
      </c>
      <c r="C93" s="7" t="s">
        <v>1257</v>
      </c>
      <c r="D93" s="7"/>
    </row>
    <row r="94" spans="1:4" s="3" customFormat="1" x14ac:dyDescent="0.15">
      <c r="A94" s="7" t="s">
        <v>1800</v>
      </c>
      <c r="B94" s="7" t="s">
        <v>1132</v>
      </c>
      <c r="C94" s="7" t="s">
        <v>1269</v>
      </c>
      <c r="D94" s="7"/>
    </row>
    <row r="95" spans="1:4" s="3" customFormat="1" x14ac:dyDescent="0.15">
      <c r="A95" s="7" t="s">
        <v>1801</v>
      </c>
      <c r="B95" s="7" t="s">
        <v>1802</v>
      </c>
      <c r="C95" s="7" t="s">
        <v>1803</v>
      </c>
      <c r="D95" s="7"/>
    </row>
    <row r="96" spans="1:4" s="3" customFormat="1" x14ac:dyDescent="0.15">
      <c r="A96" s="7" t="s">
        <v>1804</v>
      </c>
      <c r="B96" s="7" t="s">
        <v>1805</v>
      </c>
      <c r="C96" s="7" t="s">
        <v>1694</v>
      </c>
      <c r="D96" s="7"/>
    </row>
    <row r="97" spans="1:4" s="3" customFormat="1" ht="34.5" x14ac:dyDescent="0.15">
      <c r="A97" s="7" t="s">
        <v>2173</v>
      </c>
      <c r="B97" s="7" t="s">
        <v>1806</v>
      </c>
      <c r="C97" s="7" t="s">
        <v>1260</v>
      </c>
      <c r="D97" s="7"/>
    </row>
    <row r="98" spans="1:4" s="3" customFormat="1" x14ac:dyDescent="0.15">
      <c r="A98" s="7" t="s">
        <v>1807</v>
      </c>
      <c r="B98" s="7" t="s">
        <v>1808</v>
      </c>
      <c r="C98" s="7" t="s">
        <v>1260</v>
      </c>
      <c r="D98" s="7"/>
    </row>
    <row r="99" spans="1:4" s="3" customFormat="1" ht="51.75" x14ac:dyDescent="0.15">
      <c r="A99" s="7" t="s">
        <v>1809</v>
      </c>
      <c r="B99" s="7" t="s">
        <v>2174</v>
      </c>
      <c r="C99" s="7" t="s">
        <v>1810</v>
      </c>
      <c r="D99" s="7" t="s">
        <v>2532</v>
      </c>
    </row>
    <row r="100" spans="1:4" s="3" customFormat="1" x14ac:dyDescent="0.15">
      <c r="A100" s="7" t="s">
        <v>1811</v>
      </c>
      <c r="B100" s="7" t="s">
        <v>1812</v>
      </c>
      <c r="C100" s="7" t="s">
        <v>1269</v>
      </c>
      <c r="D100" s="7"/>
    </row>
    <row r="101" spans="1:4" s="3" customFormat="1" x14ac:dyDescent="0.15">
      <c r="A101" s="7" t="s">
        <v>1813</v>
      </c>
      <c r="B101" s="7" t="s">
        <v>1814</v>
      </c>
      <c r="C101" s="7" t="s">
        <v>1260</v>
      </c>
      <c r="D101" s="7"/>
    </row>
    <row r="102" spans="1:4" s="3" customFormat="1" x14ac:dyDescent="0.15">
      <c r="A102" s="7" t="s">
        <v>1815</v>
      </c>
      <c r="B102" s="7" t="s">
        <v>1816</v>
      </c>
      <c r="C102" s="7" t="s">
        <v>1817</v>
      </c>
      <c r="D102" s="7"/>
    </row>
    <row r="103" spans="1:4" s="3" customFormat="1" x14ac:dyDescent="0.15">
      <c r="A103" s="7" t="s">
        <v>1818</v>
      </c>
      <c r="B103" s="7" t="s">
        <v>1819</v>
      </c>
      <c r="C103" s="7" t="s">
        <v>1260</v>
      </c>
      <c r="D103" s="7"/>
    </row>
    <row r="104" spans="1:4" s="3" customFormat="1" x14ac:dyDescent="0.15">
      <c r="A104" s="7" t="s">
        <v>1284</v>
      </c>
      <c r="B104" s="7" t="s">
        <v>1285</v>
      </c>
      <c r="C104" s="7" t="s">
        <v>1820</v>
      </c>
      <c r="D104" s="7" t="s">
        <v>1821</v>
      </c>
    </row>
    <row r="105" spans="1:4" s="3" customFormat="1" x14ac:dyDescent="0.15">
      <c r="A105" s="7" t="s">
        <v>1822</v>
      </c>
      <c r="B105" s="7" t="s">
        <v>1132</v>
      </c>
      <c r="C105" s="7" t="s">
        <v>1257</v>
      </c>
      <c r="D105" s="7"/>
    </row>
    <row r="106" spans="1:4" s="3" customFormat="1" x14ac:dyDescent="0.15">
      <c r="A106" s="7" t="s">
        <v>1823</v>
      </c>
      <c r="B106" s="7" t="s">
        <v>1132</v>
      </c>
      <c r="C106" s="7" t="s">
        <v>1824</v>
      </c>
      <c r="D106" s="7"/>
    </row>
    <row r="107" spans="1:4" s="3" customFormat="1" x14ac:dyDescent="0.15">
      <c r="A107" s="7" t="s">
        <v>2175</v>
      </c>
      <c r="B107" s="7" t="s">
        <v>2176</v>
      </c>
      <c r="C107" s="7" t="s">
        <v>701</v>
      </c>
      <c r="D107" s="7"/>
    </row>
    <row r="108" spans="1:4" s="3" customFormat="1" ht="34.5" x14ac:dyDescent="0.15">
      <c r="A108" s="7" t="s">
        <v>2177</v>
      </c>
      <c r="B108" s="7" t="s">
        <v>2636</v>
      </c>
      <c r="C108" s="7" t="s">
        <v>1260</v>
      </c>
      <c r="D108" s="7"/>
    </row>
    <row r="109" spans="1:4" s="3" customFormat="1" x14ac:dyDescent="0.15">
      <c r="A109" s="7" t="s">
        <v>2178</v>
      </c>
      <c r="B109" s="7" t="s">
        <v>1825</v>
      </c>
      <c r="C109" s="7" t="s">
        <v>1257</v>
      </c>
      <c r="D109" s="7"/>
    </row>
    <row r="110" spans="1:4" s="3" customFormat="1" ht="34.5" x14ac:dyDescent="0.15">
      <c r="A110" s="7" t="s">
        <v>2179</v>
      </c>
      <c r="B110" s="7" t="s">
        <v>2180</v>
      </c>
      <c r="C110" s="7" t="s">
        <v>2181</v>
      </c>
      <c r="D110" s="7"/>
    </row>
    <row r="111" spans="1:4" s="3" customFormat="1" x14ac:dyDescent="0.15">
      <c r="A111" s="7" t="s">
        <v>1826</v>
      </c>
      <c r="B111" s="7" t="s">
        <v>1132</v>
      </c>
      <c r="C111" s="7" t="s">
        <v>1464</v>
      </c>
      <c r="D111" s="7"/>
    </row>
    <row r="112" spans="1:4" s="3" customFormat="1" x14ac:dyDescent="0.15">
      <c r="A112" s="7" t="s">
        <v>1827</v>
      </c>
      <c r="B112" s="7" t="s">
        <v>1132</v>
      </c>
      <c r="C112" s="7" t="s">
        <v>1260</v>
      </c>
      <c r="D112" s="7"/>
    </row>
    <row r="113" spans="1:4" s="3" customFormat="1" x14ac:dyDescent="0.15">
      <c r="A113" s="7" t="s">
        <v>1291</v>
      </c>
      <c r="B113" s="7"/>
      <c r="C113" s="7" t="s">
        <v>1464</v>
      </c>
      <c r="D113" s="7" t="s">
        <v>1828</v>
      </c>
    </row>
    <row r="114" spans="1:4" s="3" customFormat="1" x14ac:dyDescent="0.15">
      <c r="A114" s="7" t="s">
        <v>1829</v>
      </c>
      <c r="B114" s="7" t="s">
        <v>1132</v>
      </c>
      <c r="C114" s="7" t="s">
        <v>1830</v>
      </c>
      <c r="D114" s="7"/>
    </row>
    <row r="115" spans="1:4" s="3" customFormat="1" x14ac:dyDescent="0.15">
      <c r="A115" s="7" t="s">
        <v>1831</v>
      </c>
      <c r="B115" s="7" t="s">
        <v>1832</v>
      </c>
      <c r="C115" s="7" t="s">
        <v>1566</v>
      </c>
      <c r="D115" s="7"/>
    </row>
    <row r="116" spans="1:4" s="3" customFormat="1" x14ac:dyDescent="0.15">
      <c r="A116" s="1" t="s">
        <v>2182</v>
      </c>
      <c r="B116" s="1" t="s">
        <v>2183</v>
      </c>
      <c r="C116" s="1" t="s">
        <v>1645</v>
      </c>
      <c r="D116" s="1"/>
    </row>
    <row r="117" spans="1:4" s="3" customFormat="1" x14ac:dyDescent="0.15">
      <c r="A117" s="7" t="s">
        <v>1833</v>
      </c>
      <c r="B117" s="7"/>
      <c r="C117" s="7" t="s">
        <v>1260</v>
      </c>
      <c r="D117" s="7"/>
    </row>
    <row r="118" spans="1:4" s="3" customFormat="1" x14ac:dyDescent="0.15">
      <c r="A118" s="7" t="s">
        <v>1296</v>
      </c>
      <c r="B118" s="7" t="s">
        <v>1834</v>
      </c>
      <c r="C118" s="7" t="s">
        <v>1835</v>
      </c>
      <c r="D118" s="7" t="s">
        <v>1836</v>
      </c>
    </row>
    <row r="119" spans="1:4" s="3" customFormat="1" x14ac:dyDescent="0.15">
      <c r="A119" s="7" t="s">
        <v>1837</v>
      </c>
      <c r="B119" s="7" t="s">
        <v>1838</v>
      </c>
      <c r="C119" s="7" t="s">
        <v>1260</v>
      </c>
      <c r="D119" s="7"/>
    </row>
    <row r="120" spans="1:4" s="3" customFormat="1" x14ac:dyDescent="0.15">
      <c r="A120" s="7" t="s">
        <v>2533</v>
      </c>
      <c r="B120" s="7" t="s">
        <v>2718</v>
      </c>
      <c r="C120" s="7" t="s">
        <v>1260</v>
      </c>
      <c r="D120" s="7"/>
    </row>
    <row r="121" spans="1:4" s="3" customFormat="1" x14ac:dyDescent="0.15">
      <c r="A121" s="7" t="s">
        <v>2184</v>
      </c>
      <c r="B121" s="7" t="s">
        <v>2637</v>
      </c>
      <c r="C121" s="7" t="s">
        <v>1538</v>
      </c>
      <c r="D121" s="7" t="s">
        <v>1821</v>
      </c>
    </row>
    <row r="122" spans="1:4" s="3" customFormat="1" x14ac:dyDescent="0.15">
      <c r="A122" s="7" t="s">
        <v>2185</v>
      </c>
      <c r="B122" s="7" t="s">
        <v>2719</v>
      </c>
      <c r="C122" s="7" t="s">
        <v>1538</v>
      </c>
      <c r="D122" s="7" t="s">
        <v>1821</v>
      </c>
    </row>
    <row r="123" spans="1:4" s="3" customFormat="1" x14ac:dyDescent="0.15">
      <c r="A123" s="7" t="s">
        <v>1839</v>
      </c>
      <c r="B123" s="7" t="s">
        <v>1132</v>
      </c>
      <c r="C123" s="7" t="s">
        <v>1840</v>
      </c>
      <c r="D123" s="7"/>
    </row>
    <row r="124" spans="1:4" s="3" customFormat="1" x14ac:dyDescent="0.15">
      <c r="A124" s="7" t="s">
        <v>1841</v>
      </c>
      <c r="B124" s="7" t="s">
        <v>1842</v>
      </c>
      <c r="C124" s="7" t="s">
        <v>1269</v>
      </c>
      <c r="D124" s="7"/>
    </row>
    <row r="125" spans="1:4" s="3" customFormat="1" x14ac:dyDescent="0.15">
      <c r="A125" s="7" t="s">
        <v>1306</v>
      </c>
      <c r="B125" s="7" t="s">
        <v>1307</v>
      </c>
      <c r="C125" s="7" t="s">
        <v>1843</v>
      </c>
      <c r="D125" s="7" t="s">
        <v>1844</v>
      </c>
    </row>
    <row r="126" spans="1:4" s="3" customFormat="1" x14ac:dyDescent="0.15">
      <c r="A126" s="7" t="s">
        <v>1845</v>
      </c>
      <c r="B126" s="7" t="s">
        <v>1846</v>
      </c>
      <c r="C126" s="7" t="s">
        <v>1260</v>
      </c>
      <c r="D126" s="7"/>
    </row>
    <row r="127" spans="1:4" s="3" customFormat="1" x14ac:dyDescent="0.15">
      <c r="A127" s="7" t="s">
        <v>1310</v>
      </c>
      <c r="B127" s="7" t="s">
        <v>1311</v>
      </c>
      <c r="C127" s="7" t="s">
        <v>1257</v>
      </c>
      <c r="D127" s="7" t="s">
        <v>1847</v>
      </c>
    </row>
    <row r="128" spans="1:4" s="3" customFormat="1" x14ac:dyDescent="0.15">
      <c r="A128" s="7" t="s">
        <v>1848</v>
      </c>
      <c r="B128" s="7"/>
      <c r="C128" s="7" t="s">
        <v>1852</v>
      </c>
      <c r="D128" s="7"/>
    </row>
    <row r="129" spans="1:4" s="3" customFormat="1" ht="34.5" x14ac:dyDescent="0.15">
      <c r="A129" s="7" t="s">
        <v>1853</v>
      </c>
      <c r="B129" s="7" t="s">
        <v>2720</v>
      </c>
      <c r="C129" s="7" t="s">
        <v>1260</v>
      </c>
      <c r="D129" s="7"/>
    </row>
    <row r="130" spans="1:4" s="3" customFormat="1" x14ac:dyDescent="0.15">
      <c r="A130" s="7" t="s">
        <v>1854</v>
      </c>
      <c r="B130" s="7" t="s">
        <v>1132</v>
      </c>
      <c r="C130" s="7" t="s">
        <v>1260</v>
      </c>
      <c r="D130" s="7"/>
    </row>
    <row r="131" spans="1:4" s="3" customFormat="1" x14ac:dyDescent="0.15">
      <c r="A131" s="7" t="s">
        <v>1855</v>
      </c>
      <c r="B131" s="7"/>
      <c r="C131" s="7" t="s">
        <v>1260</v>
      </c>
      <c r="D131" s="7"/>
    </row>
    <row r="132" spans="1:4" s="3" customFormat="1" ht="51.75" x14ac:dyDescent="0.15">
      <c r="A132" s="7" t="s">
        <v>2558</v>
      </c>
      <c r="B132" s="7" t="s">
        <v>2559</v>
      </c>
      <c r="C132" s="7" t="s">
        <v>2560</v>
      </c>
      <c r="D132" s="7"/>
    </row>
    <row r="133" spans="1:4" s="3" customFormat="1" x14ac:dyDescent="0.15">
      <c r="A133" s="7" t="s">
        <v>1856</v>
      </c>
      <c r="B133" s="7" t="s">
        <v>2186</v>
      </c>
      <c r="C133" s="7" t="s">
        <v>284</v>
      </c>
      <c r="D133" s="7"/>
    </row>
    <row r="134" spans="1:4" s="3" customFormat="1" x14ac:dyDescent="0.15">
      <c r="A134" s="7" t="s">
        <v>1858</v>
      </c>
      <c r="B134" s="7"/>
      <c r="C134" s="7" t="s">
        <v>1260</v>
      </c>
      <c r="D134" s="7"/>
    </row>
    <row r="135" spans="1:4" s="3" customFormat="1" x14ac:dyDescent="0.15">
      <c r="A135" s="7" t="s">
        <v>1859</v>
      </c>
      <c r="B135" s="7" t="s">
        <v>1860</v>
      </c>
      <c r="C135" s="7" t="s">
        <v>1861</v>
      </c>
      <c r="D135" s="7"/>
    </row>
    <row r="136" spans="1:4" s="3" customFormat="1" ht="34.5" x14ac:dyDescent="0.15">
      <c r="A136" s="7" t="s">
        <v>2187</v>
      </c>
      <c r="B136" s="7" t="s">
        <v>2188</v>
      </c>
      <c r="C136" s="7" t="s">
        <v>1260</v>
      </c>
      <c r="D136" s="7"/>
    </row>
    <row r="137" spans="1:4" s="3" customFormat="1" ht="34.5" x14ac:dyDescent="0.15">
      <c r="A137" s="7" t="s">
        <v>1862</v>
      </c>
      <c r="B137" s="7" t="s">
        <v>1863</v>
      </c>
      <c r="C137" s="7" t="s">
        <v>1864</v>
      </c>
      <c r="D137" s="7"/>
    </row>
    <row r="138" spans="1:4" s="3" customFormat="1" x14ac:dyDescent="0.15">
      <c r="A138" s="7" t="s">
        <v>1865</v>
      </c>
      <c r="B138" s="7" t="s">
        <v>1866</v>
      </c>
      <c r="C138" s="7" t="s">
        <v>1260</v>
      </c>
      <c r="D138" s="7"/>
    </row>
    <row r="139" spans="1:4" s="3" customFormat="1" x14ac:dyDescent="0.15">
      <c r="A139" s="7" t="s">
        <v>1867</v>
      </c>
      <c r="B139" s="7" t="s">
        <v>1868</v>
      </c>
      <c r="C139" s="7" t="s">
        <v>1260</v>
      </c>
      <c r="D139" s="7"/>
    </row>
    <row r="140" spans="1:4" s="3" customFormat="1" x14ac:dyDescent="0.15">
      <c r="A140" s="7" t="s">
        <v>1869</v>
      </c>
      <c r="B140" s="7" t="s">
        <v>1132</v>
      </c>
      <c r="C140" s="7" t="s">
        <v>1464</v>
      </c>
      <c r="D140" s="7"/>
    </row>
    <row r="141" spans="1:4" s="3" customFormat="1" x14ac:dyDescent="0.15">
      <c r="A141" s="1" t="s">
        <v>2189</v>
      </c>
      <c r="B141" s="1" t="s">
        <v>2190</v>
      </c>
      <c r="C141" s="1" t="s">
        <v>1712</v>
      </c>
      <c r="D141" s="1"/>
    </row>
    <row r="142" spans="1:4" s="3" customFormat="1" x14ac:dyDescent="0.15">
      <c r="A142" s="7" t="s">
        <v>1910</v>
      </c>
      <c r="B142" s="7" t="s">
        <v>2721</v>
      </c>
      <c r="C142" s="7" t="s">
        <v>1267</v>
      </c>
      <c r="D142" s="7"/>
    </row>
    <row r="143" spans="1:4" s="3" customFormat="1" x14ac:dyDescent="0.15">
      <c r="A143" s="7" t="s">
        <v>2191</v>
      </c>
      <c r="B143" s="7"/>
      <c r="C143" s="7" t="s">
        <v>1257</v>
      </c>
      <c r="D143" s="7"/>
    </row>
    <row r="144" spans="1:4" s="3" customFormat="1" ht="34.5" x14ac:dyDescent="0.15">
      <c r="A144" s="7" t="s">
        <v>2192</v>
      </c>
      <c r="B144" s="7" t="s">
        <v>2193</v>
      </c>
      <c r="C144" s="7" t="s">
        <v>1277</v>
      </c>
      <c r="D144" s="7"/>
    </row>
    <row r="145" spans="1:4" s="3" customFormat="1" x14ac:dyDescent="0.15">
      <c r="A145" s="7" t="s">
        <v>1911</v>
      </c>
      <c r="B145" s="7" t="s">
        <v>1912</v>
      </c>
      <c r="C145" s="7" t="s">
        <v>616</v>
      </c>
      <c r="D145" s="7"/>
    </row>
    <row r="146" spans="1:4" s="3" customFormat="1" x14ac:dyDescent="0.15">
      <c r="A146" s="7" t="s">
        <v>2194</v>
      </c>
      <c r="B146" s="7" t="s">
        <v>2195</v>
      </c>
      <c r="C146" s="7" t="s">
        <v>1157</v>
      </c>
      <c r="D146" s="7"/>
    </row>
    <row r="147" spans="1:4" s="3" customFormat="1" ht="34.5" x14ac:dyDescent="0.15">
      <c r="A147" s="7" t="s">
        <v>2589</v>
      </c>
      <c r="B147" s="7" t="s">
        <v>1132</v>
      </c>
      <c r="C147" s="7" t="s">
        <v>1913</v>
      </c>
      <c r="D147" s="7" t="s">
        <v>1914</v>
      </c>
    </row>
    <row r="148" spans="1:4" s="3" customFormat="1" x14ac:dyDescent="0.15">
      <c r="A148" s="7" t="s">
        <v>1915</v>
      </c>
      <c r="B148" s="7" t="s">
        <v>1916</v>
      </c>
      <c r="C148" s="7" t="s">
        <v>1445</v>
      </c>
      <c r="D148" s="7"/>
    </row>
    <row r="149" spans="1:4" s="3" customFormat="1" x14ac:dyDescent="0.15">
      <c r="A149" s="7" t="s">
        <v>1917</v>
      </c>
      <c r="B149" s="7" t="s">
        <v>1918</v>
      </c>
      <c r="C149" s="7" t="s">
        <v>1260</v>
      </c>
      <c r="D149" s="7"/>
    </row>
    <row r="150" spans="1:4" s="3" customFormat="1" x14ac:dyDescent="0.15">
      <c r="A150" s="7" t="s">
        <v>1320</v>
      </c>
      <c r="B150" s="7" t="s">
        <v>2196</v>
      </c>
      <c r="C150" s="7" t="s">
        <v>1277</v>
      </c>
      <c r="D150" s="7"/>
    </row>
    <row r="151" spans="1:4" s="3" customFormat="1" ht="34.5" x14ac:dyDescent="0.15">
      <c r="A151" s="7" t="s">
        <v>2197</v>
      </c>
      <c r="B151" s="7" t="s">
        <v>2198</v>
      </c>
      <c r="C151" s="7" t="s">
        <v>2199</v>
      </c>
      <c r="D151" s="32"/>
    </row>
    <row r="152" spans="1:4" s="3" customFormat="1" x14ac:dyDescent="0.15">
      <c r="A152" s="1" t="s">
        <v>2200</v>
      </c>
      <c r="B152" s="1" t="s">
        <v>2201</v>
      </c>
      <c r="C152" s="1" t="s">
        <v>2202</v>
      </c>
      <c r="D152" s="1"/>
    </row>
    <row r="153" spans="1:4" s="3" customFormat="1" x14ac:dyDescent="0.15">
      <c r="A153" s="7" t="s">
        <v>2203</v>
      </c>
      <c r="B153" s="7" t="s">
        <v>2638</v>
      </c>
      <c r="C153" s="7" t="s">
        <v>1717</v>
      </c>
      <c r="D153" s="7"/>
    </row>
    <row r="154" spans="1:4" s="3" customFormat="1" x14ac:dyDescent="0.15">
      <c r="A154" s="7" t="s">
        <v>1919</v>
      </c>
      <c r="B154" s="7" t="s">
        <v>1920</v>
      </c>
      <c r="C154" s="7" t="s">
        <v>1257</v>
      </c>
      <c r="D154" s="7"/>
    </row>
    <row r="155" spans="1:4" s="3" customFormat="1" x14ac:dyDescent="0.15">
      <c r="A155" s="7" t="s">
        <v>1921</v>
      </c>
      <c r="B155" s="7" t="s">
        <v>1132</v>
      </c>
      <c r="C155" s="7" t="s">
        <v>1269</v>
      </c>
      <c r="D155" s="7"/>
    </row>
    <row r="156" spans="1:4" s="3" customFormat="1" x14ac:dyDescent="0.15">
      <c r="A156" s="7" t="s">
        <v>1922</v>
      </c>
      <c r="B156" s="7" t="s">
        <v>1923</v>
      </c>
      <c r="C156" s="7" t="s">
        <v>1260</v>
      </c>
      <c r="D156" s="7"/>
    </row>
    <row r="157" spans="1:4" s="3" customFormat="1" x14ac:dyDescent="0.15">
      <c r="A157" s="7" t="s">
        <v>1924</v>
      </c>
      <c r="B157" s="7" t="s">
        <v>1132</v>
      </c>
      <c r="C157" s="7" t="s">
        <v>1260</v>
      </c>
      <c r="D157" s="7"/>
    </row>
    <row r="158" spans="1:4" s="3" customFormat="1" x14ac:dyDescent="0.15">
      <c r="A158" s="7" t="s">
        <v>599</v>
      </c>
      <c r="B158" s="7" t="s">
        <v>600</v>
      </c>
      <c r="C158" s="3" t="s">
        <v>1645</v>
      </c>
      <c r="D158" s="7"/>
    </row>
    <row r="159" spans="1:4" s="3" customFormat="1" ht="34.5" x14ac:dyDescent="0.15">
      <c r="A159" s="33" t="s">
        <v>2204</v>
      </c>
      <c r="B159" s="1" t="s">
        <v>2515</v>
      </c>
      <c r="C159" s="7" t="s">
        <v>1642</v>
      </c>
      <c r="D159" s="7"/>
    </row>
    <row r="160" spans="1:4" s="3" customFormat="1" ht="34.5" x14ac:dyDescent="0.15">
      <c r="A160" s="33" t="s">
        <v>2205</v>
      </c>
      <c r="B160" s="1" t="s">
        <v>2206</v>
      </c>
      <c r="C160" s="7" t="s">
        <v>601</v>
      </c>
      <c r="D160" s="7"/>
    </row>
    <row r="161" spans="1:4" s="3" customFormat="1" ht="34.5" x14ac:dyDescent="0.15">
      <c r="A161" s="7" t="s">
        <v>1925</v>
      </c>
      <c r="B161" s="7" t="s">
        <v>1926</v>
      </c>
      <c r="C161" s="7" t="s">
        <v>1272</v>
      </c>
      <c r="D161" s="7"/>
    </row>
    <row r="162" spans="1:4" s="3" customFormat="1" x14ac:dyDescent="0.15">
      <c r="A162" s="7" t="s">
        <v>1927</v>
      </c>
      <c r="B162" s="7"/>
      <c r="C162" s="7" t="s">
        <v>1505</v>
      </c>
      <c r="D162" s="7"/>
    </row>
    <row r="163" spans="1:4" s="3" customFormat="1" x14ac:dyDescent="0.15">
      <c r="A163" s="7" t="s">
        <v>2207</v>
      </c>
      <c r="B163" s="7" t="s">
        <v>1132</v>
      </c>
      <c r="C163" s="7" t="s">
        <v>2644</v>
      </c>
      <c r="D163" s="7" t="s">
        <v>2645</v>
      </c>
    </row>
    <row r="164" spans="1:4" s="3" customFormat="1" x14ac:dyDescent="0.15">
      <c r="A164" s="7" t="s">
        <v>1928</v>
      </c>
      <c r="B164" s="7" t="s">
        <v>1929</v>
      </c>
      <c r="C164" s="7" t="s">
        <v>1719</v>
      </c>
      <c r="D164" s="7"/>
    </row>
    <row r="165" spans="1:4" s="3" customFormat="1" x14ac:dyDescent="0.15">
      <c r="A165" s="7" t="s">
        <v>1930</v>
      </c>
      <c r="B165" s="7" t="s">
        <v>1931</v>
      </c>
      <c r="C165" s="7" t="s">
        <v>1932</v>
      </c>
      <c r="D165" s="7" t="s">
        <v>1933</v>
      </c>
    </row>
    <row r="166" spans="1:4" s="3" customFormat="1" x14ac:dyDescent="0.15">
      <c r="A166" s="7" t="s">
        <v>1934</v>
      </c>
      <c r="B166" s="7" t="s">
        <v>1935</v>
      </c>
      <c r="C166" s="7" t="s">
        <v>1936</v>
      </c>
      <c r="D166" s="7"/>
    </row>
    <row r="167" spans="1:4" s="3" customFormat="1" x14ac:dyDescent="0.15">
      <c r="A167" s="1" t="s">
        <v>1937</v>
      </c>
      <c r="B167" s="1"/>
      <c r="C167" s="1" t="s">
        <v>1325</v>
      </c>
      <c r="D167" s="1"/>
    </row>
    <row r="168" spans="1:4" s="3" customFormat="1" ht="34.5" x14ac:dyDescent="0.15">
      <c r="A168" s="7" t="s">
        <v>1938</v>
      </c>
      <c r="B168" s="7" t="s">
        <v>2208</v>
      </c>
      <c r="C168" s="7" t="s">
        <v>1388</v>
      </c>
      <c r="D168" s="7" t="s">
        <v>1850</v>
      </c>
    </row>
    <row r="169" spans="1:4" s="3" customFormat="1" x14ac:dyDescent="0.15">
      <c r="A169" s="7" t="s">
        <v>1939</v>
      </c>
      <c r="B169" s="7"/>
      <c r="C169" s="7" t="s">
        <v>1260</v>
      </c>
      <c r="D169" s="7"/>
    </row>
    <row r="170" spans="1:4" s="3" customFormat="1" x14ac:dyDescent="0.15">
      <c r="A170" s="7" t="s">
        <v>1940</v>
      </c>
      <c r="B170" s="7" t="s">
        <v>1941</v>
      </c>
      <c r="C170" s="7" t="s">
        <v>1260</v>
      </c>
      <c r="D170" s="7"/>
    </row>
    <row r="171" spans="1:4" s="3" customFormat="1" x14ac:dyDescent="0.15">
      <c r="A171" s="7" t="s">
        <v>1942</v>
      </c>
      <c r="B171" s="7" t="s">
        <v>1943</v>
      </c>
      <c r="C171" s="7" t="s">
        <v>1260</v>
      </c>
      <c r="D171" s="7"/>
    </row>
    <row r="172" spans="1:4" s="3" customFormat="1" x14ac:dyDescent="0.15">
      <c r="A172" s="7" t="s">
        <v>2209</v>
      </c>
      <c r="B172" s="1" t="s">
        <v>2210</v>
      </c>
      <c r="C172" s="7" t="s">
        <v>1157</v>
      </c>
      <c r="D172" s="7"/>
    </row>
    <row r="173" spans="1:4" s="3" customFormat="1" x14ac:dyDescent="0.15">
      <c r="A173" s="7" t="s">
        <v>1944</v>
      </c>
      <c r="B173" s="7" t="s">
        <v>1132</v>
      </c>
      <c r="C173" s="7" t="s">
        <v>1267</v>
      </c>
      <c r="D173" s="7"/>
    </row>
    <row r="174" spans="1:4" s="3" customFormat="1" x14ac:dyDescent="0.15">
      <c r="A174" s="7" t="s">
        <v>2211</v>
      </c>
      <c r="B174" s="7"/>
      <c r="C174" s="7" t="s">
        <v>1277</v>
      </c>
      <c r="D174" s="7"/>
    </row>
    <row r="175" spans="1:4" s="3" customFormat="1" ht="34.5" x14ac:dyDescent="0.15">
      <c r="A175" s="7" t="s">
        <v>2212</v>
      </c>
      <c r="B175" s="7" t="s">
        <v>1945</v>
      </c>
      <c r="C175" s="7" t="s">
        <v>1260</v>
      </c>
      <c r="D175" s="7"/>
    </row>
    <row r="176" spans="1:4" s="3" customFormat="1" ht="34.5" x14ac:dyDescent="0.15">
      <c r="A176" s="7" t="s">
        <v>2699</v>
      </c>
      <c r="B176" s="7" t="s">
        <v>2700</v>
      </c>
      <c r="C176" s="7" t="s">
        <v>2702</v>
      </c>
      <c r="D176" s="7"/>
    </row>
    <row r="177" spans="1:4" s="3" customFormat="1" ht="34.5" x14ac:dyDescent="0.15">
      <c r="A177" s="7" t="s">
        <v>2213</v>
      </c>
      <c r="B177" s="7" t="s">
        <v>2214</v>
      </c>
      <c r="C177" s="7" t="s">
        <v>2703</v>
      </c>
      <c r="D177" s="7"/>
    </row>
    <row r="178" spans="1:4" s="3" customFormat="1" x14ac:dyDescent="0.15">
      <c r="A178" s="7" t="s">
        <v>1946</v>
      </c>
      <c r="B178" s="7" t="s">
        <v>1132</v>
      </c>
      <c r="C178" s="7" t="s">
        <v>1257</v>
      </c>
      <c r="D178" s="7"/>
    </row>
    <row r="179" spans="1:4" s="3" customFormat="1" ht="34.5" x14ac:dyDescent="0.15">
      <c r="A179" s="7" t="s">
        <v>2215</v>
      </c>
      <c r="B179" s="7" t="s">
        <v>2701</v>
      </c>
      <c r="C179" s="7" t="s">
        <v>1947</v>
      </c>
      <c r="D179" s="7" t="s">
        <v>1821</v>
      </c>
    </row>
    <row r="180" spans="1:4" s="3" customFormat="1" x14ac:dyDescent="0.15">
      <c r="A180" s="7" t="s">
        <v>1339</v>
      </c>
      <c r="B180" s="7" t="s">
        <v>1948</v>
      </c>
      <c r="C180" s="7" t="s">
        <v>1830</v>
      </c>
      <c r="D180" s="7" t="s">
        <v>1949</v>
      </c>
    </row>
    <row r="181" spans="1:4" s="3" customFormat="1" x14ac:dyDescent="0.15">
      <c r="A181" s="7" t="s">
        <v>2216</v>
      </c>
      <c r="B181" s="1" t="s">
        <v>2217</v>
      </c>
      <c r="C181" s="7" t="s">
        <v>1158</v>
      </c>
      <c r="D181" s="32"/>
    </row>
    <row r="182" spans="1:4" s="3" customFormat="1" x14ac:dyDescent="0.15">
      <c r="A182" s="7" t="s">
        <v>1950</v>
      </c>
      <c r="B182" s="7" t="s">
        <v>1951</v>
      </c>
      <c r="C182" s="7" t="s">
        <v>1267</v>
      </c>
      <c r="D182" s="7" t="s">
        <v>1952</v>
      </c>
    </row>
    <row r="183" spans="1:4" s="3" customFormat="1" x14ac:dyDescent="0.15">
      <c r="A183" s="7" t="s">
        <v>1953</v>
      </c>
      <c r="B183" s="7" t="s">
        <v>1954</v>
      </c>
      <c r="C183" s="7" t="s">
        <v>1277</v>
      </c>
      <c r="D183" s="7"/>
    </row>
    <row r="184" spans="1:4" s="3" customFormat="1" x14ac:dyDescent="0.15">
      <c r="A184" s="7" t="s">
        <v>1955</v>
      </c>
      <c r="B184" s="7" t="s">
        <v>1956</v>
      </c>
      <c r="C184" s="7" t="s">
        <v>1957</v>
      </c>
      <c r="D184" s="7"/>
    </row>
    <row r="185" spans="1:4" s="3" customFormat="1" x14ac:dyDescent="0.15">
      <c r="A185" s="7" t="s">
        <v>2535</v>
      </c>
      <c r="B185" s="7"/>
      <c r="C185" s="7" t="s">
        <v>685</v>
      </c>
      <c r="D185" s="7"/>
    </row>
    <row r="186" spans="1:4" s="3" customFormat="1" ht="34.5" x14ac:dyDescent="0.15">
      <c r="A186" s="7" t="s">
        <v>2218</v>
      </c>
      <c r="B186" s="7" t="s">
        <v>2524</v>
      </c>
      <c r="C186" s="7" t="s">
        <v>1257</v>
      </c>
      <c r="D186" s="7"/>
    </row>
    <row r="187" spans="1:4" s="3" customFormat="1" x14ac:dyDescent="0.15">
      <c r="A187" s="7" t="s">
        <v>1347</v>
      </c>
      <c r="B187" s="7" t="s">
        <v>2219</v>
      </c>
      <c r="C187" s="7" t="s">
        <v>1325</v>
      </c>
      <c r="D187" s="7"/>
    </row>
    <row r="188" spans="1:4" s="3" customFormat="1" x14ac:dyDescent="0.15">
      <c r="A188" s="7" t="s">
        <v>1958</v>
      </c>
      <c r="B188" s="7" t="s">
        <v>1132</v>
      </c>
      <c r="C188" s="7" t="s">
        <v>1257</v>
      </c>
      <c r="D188" s="7"/>
    </row>
    <row r="189" spans="1:4" s="3" customFormat="1" x14ac:dyDescent="0.15">
      <c r="A189" s="7" t="s">
        <v>1959</v>
      </c>
      <c r="B189" s="7" t="s">
        <v>1132</v>
      </c>
      <c r="C189" s="7" t="s">
        <v>1277</v>
      </c>
      <c r="D189" s="7"/>
    </row>
    <row r="190" spans="1:4" s="3" customFormat="1" x14ac:dyDescent="0.15">
      <c r="A190" s="7" t="s">
        <v>1960</v>
      </c>
      <c r="B190" s="7" t="s">
        <v>1961</v>
      </c>
      <c r="C190" s="7" t="s">
        <v>1962</v>
      </c>
      <c r="D190" s="7"/>
    </row>
    <row r="191" spans="1:4" s="3" customFormat="1" x14ac:dyDescent="0.15">
      <c r="A191" s="7" t="s">
        <v>1963</v>
      </c>
      <c r="B191" s="7" t="s">
        <v>1132</v>
      </c>
      <c r="C191" s="7" t="s">
        <v>1295</v>
      </c>
      <c r="D191" s="7"/>
    </row>
    <row r="192" spans="1:4" s="3" customFormat="1" x14ac:dyDescent="0.15">
      <c r="A192" s="7" t="s">
        <v>1964</v>
      </c>
      <c r="B192" s="7" t="s">
        <v>1965</v>
      </c>
      <c r="C192" s="7" t="s">
        <v>1966</v>
      </c>
      <c r="D192" s="7"/>
    </row>
    <row r="193" spans="1:4" s="3" customFormat="1" x14ac:dyDescent="0.15">
      <c r="A193" s="7" t="s">
        <v>2220</v>
      </c>
      <c r="B193" s="7" t="s">
        <v>1967</v>
      </c>
      <c r="C193" s="7" t="s">
        <v>1968</v>
      </c>
      <c r="D193" s="7"/>
    </row>
    <row r="194" spans="1:4" s="3" customFormat="1" x14ac:dyDescent="0.15">
      <c r="A194" s="7" t="s">
        <v>1969</v>
      </c>
      <c r="B194" s="7" t="s">
        <v>1132</v>
      </c>
      <c r="C194" s="7" t="s">
        <v>1830</v>
      </c>
      <c r="D194" s="7"/>
    </row>
    <row r="195" spans="1:4" s="3" customFormat="1" x14ac:dyDescent="0.15">
      <c r="A195" s="7" t="s">
        <v>2221</v>
      </c>
      <c r="B195" s="7"/>
      <c r="C195" s="7" t="s">
        <v>1257</v>
      </c>
      <c r="D195" s="7" t="s">
        <v>1970</v>
      </c>
    </row>
    <row r="196" spans="1:4" s="3" customFormat="1" x14ac:dyDescent="0.15">
      <c r="A196" s="7" t="s">
        <v>1971</v>
      </c>
      <c r="B196" s="7" t="s">
        <v>1972</v>
      </c>
      <c r="C196" s="7" t="s">
        <v>1260</v>
      </c>
      <c r="D196" s="7"/>
    </row>
    <row r="197" spans="1:4" s="3" customFormat="1" x14ac:dyDescent="0.15">
      <c r="A197" s="1" t="s">
        <v>2222</v>
      </c>
      <c r="B197" s="1"/>
      <c r="C197" s="1" t="s">
        <v>2223</v>
      </c>
      <c r="D197" s="1"/>
    </row>
    <row r="198" spans="1:4" s="3" customFormat="1" x14ac:dyDescent="0.15">
      <c r="A198" s="7" t="s">
        <v>1973</v>
      </c>
      <c r="B198" s="7" t="s">
        <v>1974</v>
      </c>
      <c r="C198" s="7" t="s">
        <v>1260</v>
      </c>
      <c r="D198" s="7"/>
    </row>
    <row r="199" spans="1:4" s="3" customFormat="1" x14ac:dyDescent="0.15">
      <c r="A199" s="7" t="s">
        <v>1975</v>
      </c>
      <c r="B199" s="7"/>
      <c r="C199" s="7" t="s">
        <v>1830</v>
      </c>
      <c r="D199" s="7"/>
    </row>
    <row r="200" spans="1:4" s="3" customFormat="1" x14ac:dyDescent="0.15">
      <c r="A200" s="7" t="s">
        <v>1976</v>
      </c>
      <c r="B200" s="7"/>
      <c r="C200" s="7" t="s">
        <v>1977</v>
      </c>
      <c r="D200" s="7"/>
    </row>
    <row r="201" spans="1:4" s="3" customFormat="1" x14ac:dyDescent="0.15">
      <c r="A201" s="7" t="s">
        <v>2704</v>
      </c>
      <c r="B201" s="7" t="s">
        <v>1978</v>
      </c>
      <c r="C201" s="7" t="s">
        <v>1260</v>
      </c>
      <c r="D201" s="7"/>
    </row>
    <row r="202" spans="1:4" s="3" customFormat="1" x14ac:dyDescent="0.15">
      <c r="A202" s="7" t="s">
        <v>2671</v>
      </c>
      <c r="B202" s="7"/>
      <c r="C202" s="7" t="s">
        <v>2672</v>
      </c>
      <c r="D202" s="7"/>
    </row>
    <row r="203" spans="1:4" s="3" customFormat="1" x14ac:dyDescent="0.15">
      <c r="A203" s="7" t="s">
        <v>1979</v>
      </c>
      <c r="B203" s="7" t="s">
        <v>1132</v>
      </c>
      <c r="C203" s="7" t="s">
        <v>1260</v>
      </c>
      <c r="D203" s="7"/>
    </row>
    <row r="204" spans="1:4" s="3" customFormat="1" x14ac:dyDescent="0.15">
      <c r="A204" s="7" t="s">
        <v>1980</v>
      </c>
      <c r="B204" s="7" t="s">
        <v>1981</v>
      </c>
      <c r="C204" s="7" t="s">
        <v>1277</v>
      </c>
      <c r="D204" s="7"/>
    </row>
    <row r="205" spans="1:4" s="3" customFormat="1" x14ac:dyDescent="0.15">
      <c r="A205" s="7" t="s">
        <v>1982</v>
      </c>
      <c r="B205" s="7" t="s">
        <v>1132</v>
      </c>
      <c r="C205" s="7" t="s">
        <v>1257</v>
      </c>
      <c r="D205" s="7"/>
    </row>
    <row r="206" spans="1:4" s="3" customFormat="1" x14ac:dyDescent="0.15">
      <c r="A206" s="7" t="s">
        <v>2670</v>
      </c>
      <c r="B206" s="7" t="s">
        <v>1983</v>
      </c>
      <c r="C206" s="7" t="s">
        <v>1984</v>
      </c>
      <c r="D206" s="7"/>
    </row>
    <row r="207" spans="1:4" s="3" customFormat="1" x14ac:dyDescent="0.15">
      <c r="A207" s="7" t="s">
        <v>1985</v>
      </c>
      <c r="B207" s="7" t="s">
        <v>1132</v>
      </c>
      <c r="C207" s="7" t="s">
        <v>1260</v>
      </c>
      <c r="D207" s="7"/>
    </row>
    <row r="208" spans="1:4" s="3" customFormat="1" x14ac:dyDescent="0.15">
      <c r="A208" s="7" t="s">
        <v>1986</v>
      </c>
      <c r="B208" s="7" t="s">
        <v>1987</v>
      </c>
      <c r="C208" s="7" t="s">
        <v>1260</v>
      </c>
      <c r="D208" s="7"/>
    </row>
    <row r="209" spans="1:4" s="3" customFormat="1" x14ac:dyDescent="0.15">
      <c r="A209" s="7" t="s">
        <v>1988</v>
      </c>
      <c r="B209" s="7"/>
      <c r="C209" s="7" t="s">
        <v>1735</v>
      </c>
      <c r="D209" s="7"/>
    </row>
    <row r="210" spans="1:4" s="3" customFormat="1" x14ac:dyDescent="0.15">
      <c r="A210" s="7" t="s">
        <v>1989</v>
      </c>
      <c r="B210" s="7"/>
      <c r="C210" s="7" t="s">
        <v>1260</v>
      </c>
      <c r="D210" s="7"/>
    </row>
    <row r="211" spans="1:4" s="3" customFormat="1" x14ac:dyDescent="0.15">
      <c r="A211" s="7" t="s">
        <v>1990</v>
      </c>
      <c r="B211" s="7" t="s">
        <v>1132</v>
      </c>
      <c r="C211" s="7" t="s">
        <v>1464</v>
      </c>
      <c r="D211" s="7"/>
    </row>
    <row r="212" spans="1:4" s="3" customFormat="1" x14ac:dyDescent="0.15">
      <c r="A212" s="7" t="s">
        <v>1991</v>
      </c>
      <c r="B212" s="7" t="s">
        <v>1132</v>
      </c>
      <c r="C212" s="7" t="s">
        <v>1260</v>
      </c>
      <c r="D212" s="7"/>
    </row>
    <row r="213" spans="1:4" s="3" customFormat="1" x14ac:dyDescent="0.15">
      <c r="A213" s="7" t="s">
        <v>1992</v>
      </c>
      <c r="B213" s="7" t="s">
        <v>1993</v>
      </c>
      <c r="C213" s="7" t="s">
        <v>1260</v>
      </c>
      <c r="D213" s="7"/>
    </row>
    <row r="214" spans="1:4" s="3" customFormat="1" x14ac:dyDescent="0.15">
      <c r="A214" s="7" t="s">
        <v>1994</v>
      </c>
      <c r="B214" s="7" t="s">
        <v>1995</v>
      </c>
      <c r="C214" s="7" t="s">
        <v>1260</v>
      </c>
      <c r="D214" s="7"/>
    </row>
    <row r="215" spans="1:4" s="3" customFormat="1" ht="34.5" x14ac:dyDescent="0.15">
      <c r="A215" s="1" t="s">
        <v>2224</v>
      </c>
      <c r="B215" s="1" t="s">
        <v>1996</v>
      </c>
      <c r="C215" s="1" t="s">
        <v>1997</v>
      </c>
      <c r="D215" s="1"/>
    </row>
    <row r="216" spans="1:4" s="3" customFormat="1" x14ac:dyDescent="0.15">
      <c r="A216" s="7" t="s">
        <v>2225</v>
      </c>
      <c r="B216" s="7" t="s">
        <v>2722</v>
      </c>
      <c r="C216" s="7" t="s">
        <v>1260</v>
      </c>
      <c r="D216" s="7"/>
    </row>
    <row r="217" spans="1:4" s="3" customFormat="1" x14ac:dyDescent="0.15">
      <c r="A217" s="7" t="s">
        <v>1998</v>
      </c>
      <c r="B217" s="7" t="s">
        <v>1132</v>
      </c>
      <c r="C217" s="7" t="s">
        <v>1325</v>
      </c>
      <c r="D217" s="7"/>
    </row>
    <row r="218" spans="1:4" s="3" customFormat="1" x14ac:dyDescent="0.15">
      <c r="A218" s="7" t="s">
        <v>1999</v>
      </c>
      <c r="B218" s="7" t="s">
        <v>2000</v>
      </c>
      <c r="C218" s="7" t="s">
        <v>1260</v>
      </c>
      <c r="D218" s="7"/>
    </row>
    <row r="219" spans="1:4" s="3" customFormat="1" x14ac:dyDescent="0.15">
      <c r="A219" s="7" t="s">
        <v>2001</v>
      </c>
      <c r="B219" s="7"/>
      <c r="C219" s="7" t="s">
        <v>1260</v>
      </c>
      <c r="D219" s="7"/>
    </row>
    <row r="220" spans="1:4" s="3" customFormat="1" x14ac:dyDescent="0.15">
      <c r="A220" s="7" t="s">
        <v>2002</v>
      </c>
      <c r="B220" s="7" t="s">
        <v>2003</v>
      </c>
      <c r="C220" s="7" t="s">
        <v>2004</v>
      </c>
      <c r="D220" s="7"/>
    </row>
    <row r="221" spans="1:4" s="3" customFormat="1" x14ac:dyDescent="0.15">
      <c r="A221" s="7" t="s">
        <v>2005</v>
      </c>
      <c r="B221" s="7" t="s">
        <v>1132</v>
      </c>
      <c r="C221" s="7" t="s">
        <v>1260</v>
      </c>
      <c r="D221" s="7"/>
    </row>
    <row r="222" spans="1:4" s="3" customFormat="1" x14ac:dyDescent="0.15">
      <c r="A222" s="7" t="s">
        <v>2006</v>
      </c>
      <c r="B222" s="7"/>
      <c r="C222" s="7" t="s">
        <v>1257</v>
      </c>
      <c r="D222" s="7"/>
    </row>
    <row r="223" spans="1:4" s="3" customFormat="1" x14ac:dyDescent="0.15">
      <c r="A223" s="7" t="s">
        <v>2007</v>
      </c>
      <c r="B223" s="7" t="s">
        <v>2008</v>
      </c>
      <c r="C223" s="7" t="s">
        <v>1260</v>
      </c>
      <c r="D223" s="7"/>
    </row>
    <row r="224" spans="1:4" s="3" customFormat="1" x14ac:dyDescent="0.15">
      <c r="A224" s="7" t="s">
        <v>2009</v>
      </c>
      <c r="B224" s="7" t="s">
        <v>1132</v>
      </c>
      <c r="C224" s="7" t="s">
        <v>1717</v>
      </c>
      <c r="D224" s="7"/>
    </row>
    <row r="225" spans="1:4" s="3" customFormat="1" x14ac:dyDescent="0.15">
      <c r="A225" s="7" t="s">
        <v>2010</v>
      </c>
      <c r="B225" s="7" t="s">
        <v>2011</v>
      </c>
      <c r="C225" s="7" t="s">
        <v>1260</v>
      </c>
      <c r="D225" s="7"/>
    </row>
    <row r="226" spans="1:4" s="3" customFormat="1" x14ac:dyDescent="0.15">
      <c r="A226" s="7" t="s">
        <v>2012</v>
      </c>
      <c r="B226" s="7" t="s">
        <v>1132</v>
      </c>
      <c r="C226" s="7" t="s">
        <v>1464</v>
      </c>
      <c r="D226" s="7"/>
    </row>
    <row r="227" spans="1:4" s="3" customFormat="1" x14ac:dyDescent="0.15">
      <c r="A227" s="7" t="s">
        <v>2013</v>
      </c>
      <c r="B227" s="7"/>
      <c r="C227" s="7" t="s">
        <v>1260</v>
      </c>
      <c r="D227" s="7"/>
    </row>
    <row r="228" spans="1:4" s="3" customFormat="1" x14ac:dyDescent="0.15">
      <c r="A228" s="7" t="s">
        <v>2014</v>
      </c>
      <c r="B228" s="7"/>
      <c r="C228" s="7" t="s">
        <v>1257</v>
      </c>
      <c r="D228" s="7"/>
    </row>
    <row r="229" spans="1:4" s="3" customFormat="1" ht="34.5" x14ac:dyDescent="0.15">
      <c r="A229" s="7" t="s">
        <v>2015</v>
      </c>
      <c r="B229" s="7" t="s">
        <v>2016</v>
      </c>
      <c r="C229" s="7" t="s">
        <v>2017</v>
      </c>
      <c r="D229" s="7"/>
    </row>
    <row r="230" spans="1:4" s="3" customFormat="1" x14ac:dyDescent="0.15">
      <c r="A230" s="7" t="s">
        <v>2018</v>
      </c>
      <c r="B230" s="7" t="s">
        <v>2019</v>
      </c>
      <c r="C230" s="7" t="s">
        <v>2020</v>
      </c>
      <c r="D230" s="7"/>
    </row>
    <row r="231" spans="1:4" s="3" customFormat="1" x14ac:dyDescent="0.15">
      <c r="A231" s="7" t="s">
        <v>2021</v>
      </c>
      <c r="B231" s="7" t="s">
        <v>2022</v>
      </c>
      <c r="C231" s="7" t="s">
        <v>2023</v>
      </c>
      <c r="D231" s="7"/>
    </row>
    <row r="232" spans="1:4" s="3" customFormat="1" x14ac:dyDescent="0.15">
      <c r="A232" s="7" t="s">
        <v>1415</v>
      </c>
      <c r="B232" s="7" t="s">
        <v>2024</v>
      </c>
      <c r="C232" s="7" t="s">
        <v>1717</v>
      </c>
      <c r="D232" s="7" t="s">
        <v>2025</v>
      </c>
    </row>
    <row r="233" spans="1:4" s="3" customFormat="1" x14ac:dyDescent="0.15">
      <c r="A233" s="7" t="s">
        <v>2026</v>
      </c>
      <c r="B233" s="7" t="s">
        <v>1132</v>
      </c>
      <c r="C233" s="7" t="s">
        <v>1325</v>
      </c>
      <c r="D233" s="7"/>
    </row>
    <row r="234" spans="1:4" s="3" customFormat="1" ht="34.5" x14ac:dyDescent="0.15">
      <c r="A234" s="7" t="s">
        <v>2226</v>
      </c>
      <c r="B234" s="7" t="s">
        <v>1132</v>
      </c>
      <c r="C234" s="7" t="s">
        <v>2527</v>
      </c>
      <c r="D234" s="7" t="s">
        <v>2027</v>
      </c>
    </row>
    <row r="235" spans="1:4" s="3" customFormat="1" x14ac:dyDescent="0.15">
      <c r="A235" s="7" t="s">
        <v>2028</v>
      </c>
      <c r="B235" s="7" t="s">
        <v>1132</v>
      </c>
      <c r="C235" s="7" t="s">
        <v>1257</v>
      </c>
      <c r="D235" s="7"/>
    </row>
    <row r="236" spans="1:4" s="3" customFormat="1" x14ac:dyDescent="0.15">
      <c r="A236" s="7" t="s">
        <v>2029</v>
      </c>
      <c r="B236" s="7"/>
      <c r="C236" s="7" t="s">
        <v>2030</v>
      </c>
      <c r="D236" s="7"/>
    </row>
    <row r="237" spans="1:4" s="3" customFormat="1" x14ac:dyDescent="0.15">
      <c r="A237" s="7" t="s">
        <v>2031</v>
      </c>
      <c r="B237" s="7" t="s">
        <v>1132</v>
      </c>
      <c r="C237" s="7" t="s">
        <v>1257</v>
      </c>
      <c r="D237" s="7"/>
    </row>
    <row r="238" spans="1:4" s="3" customFormat="1" x14ac:dyDescent="0.15">
      <c r="A238" s="7" t="s">
        <v>2032</v>
      </c>
      <c r="B238" s="7" t="s">
        <v>2033</v>
      </c>
      <c r="C238" s="7" t="s">
        <v>1260</v>
      </c>
      <c r="D238" s="7"/>
    </row>
    <row r="239" spans="1:4" s="3" customFormat="1" x14ac:dyDescent="0.15">
      <c r="A239" s="7" t="s">
        <v>2034</v>
      </c>
      <c r="B239" s="7" t="s">
        <v>1132</v>
      </c>
      <c r="C239" s="7" t="s">
        <v>2035</v>
      </c>
      <c r="D239" s="7"/>
    </row>
    <row r="240" spans="1:4" s="3" customFormat="1" x14ac:dyDescent="0.15">
      <c r="A240" s="7" t="s">
        <v>2036</v>
      </c>
      <c r="B240" s="7" t="s">
        <v>1132</v>
      </c>
      <c r="C240" s="7" t="s">
        <v>1260</v>
      </c>
      <c r="D240" s="7"/>
    </row>
    <row r="241" spans="1:4" s="3" customFormat="1" x14ac:dyDescent="0.15">
      <c r="A241" s="7" t="s">
        <v>2037</v>
      </c>
      <c r="B241" s="7"/>
      <c r="C241" s="7" t="s">
        <v>1325</v>
      </c>
      <c r="D241" s="7"/>
    </row>
    <row r="242" spans="1:4" s="3" customFormat="1" x14ac:dyDescent="0.15">
      <c r="A242" s="7" t="s">
        <v>2038</v>
      </c>
      <c r="B242" s="7" t="s">
        <v>2039</v>
      </c>
      <c r="C242" s="7" t="s">
        <v>1260</v>
      </c>
      <c r="D242" s="7"/>
    </row>
    <row r="243" spans="1:4" s="3" customFormat="1" ht="34.5" x14ac:dyDescent="0.15">
      <c r="A243" s="1" t="s">
        <v>2227</v>
      </c>
      <c r="B243" s="1" t="s">
        <v>318</v>
      </c>
      <c r="C243" s="1" t="s">
        <v>2040</v>
      </c>
      <c r="D243" s="1" t="s">
        <v>2041</v>
      </c>
    </row>
    <row r="244" spans="1:4" s="3" customFormat="1" x14ac:dyDescent="0.15">
      <c r="A244" s="7" t="s">
        <v>2042</v>
      </c>
      <c r="B244" s="7" t="s">
        <v>2043</v>
      </c>
      <c r="C244" s="7" t="s">
        <v>1717</v>
      </c>
      <c r="D244" s="7"/>
    </row>
    <row r="245" spans="1:4" s="3" customFormat="1" x14ac:dyDescent="0.15">
      <c r="A245" s="7" t="s">
        <v>2228</v>
      </c>
      <c r="B245" s="7" t="s">
        <v>2044</v>
      </c>
      <c r="C245" s="7" t="s">
        <v>1260</v>
      </c>
      <c r="D245" s="7"/>
    </row>
    <row r="246" spans="1:4" s="3" customFormat="1" x14ac:dyDescent="0.15">
      <c r="A246" s="7" t="s">
        <v>2229</v>
      </c>
      <c r="B246" s="7" t="s">
        <v>2045</v>
      </c>
      <c r="C246" s="7" t="s">
        <v>2046</v>
      </c>
      <c r="D246" s="7"/>
    </row>
    <row r="247" spans="1:4" s="3" customFormat="1" x14ac:dyDescent="0.15">
      <c r="A247" s="7" t="s">
        <v>2047</v>
      </c>
      <c r="B247" s="7" t="s">
        <v>2048</v>
      </c>
      <c r="C247" s="7" t="s">
        <v>1260</v>
      </c>
      <c r="D247" s="7"/>
    </row>
    <row r="248" spans="1:4" s="3" customFormat="1" x14ac:dyDescent="0.15">
      <c r="A248" s="1" t="s">
        <v>2049</v>
      </c>
      <c r="B248" s="1"/>
      <c r="C248" s="1" t="s">
        <v>1325</v>
      </c>
      <c r="D248" s="7"/>
    </row>
    <row r="249" spans="1:4" s="3" customFormat="1" x14ac:dyDescent="0.15">
      <c r="A249" s="7" t="s">
        <v>2050</v>
      </c>
      <c r="B249" s="7" t="s">
        <v>1132</v>
      </c>
      <c r="C249" s="7" t="s">
        <v>2051</v>
      </c>
      <c r="D249" s="7"/>
    </row>
    <row r="250" spans="1:4" s="3" customFormat="1" x14ac:dyDescent="0.15">
      <c r="A250" s="7" t="s">
        <v>2052</v>
      </c>
      <c r="B250" s="7" t="s">
        <v>1132</v>
      </c>
      <c r="C250" s="7" t="s">
        <v>1267</v>
      </c>
      <c r="D250" s="7"/>
    </row>
    <row r="251" spans="1:4" s="3" customFormat="1" x14ac:dyDescent="0.15">
      <c r="A251" s="7" t="s">
        <v>2053</v>
      </c>
      <c r="B251" s="1"/>
      <c r="C251" s="1" t="s">
        <v>2054</v>
      </c>
      <c r="D251" s="7"/>
    </row>
    <row r="252" spans="1:4" s="3" customFormat="1" x14ac:dyDescent="0.15">
      <c r="A252" s="7" t="s">
        <v>2055</v>
      </c>
      <c r="B252" s="7" t="s">
        <v>1132</v>
      </c>
      <c r="C252" s="7" t="s">
        <v>1325</v>
      </c>
      <c r="D252" s="7"/>
    </row>
    <row r="253" spans="1:4" s="3" customFormat="1" x14ac:dyDescent="0.15">
      <c r="A253" s="1" t="s">
        <v>2056</v>
      </c>
      <c r="B253" s="1"/>
      <c r="C253" s="1" t="s">
        <v>1267</v>
      </c>
      <c r="D253" s="1"/>
    </row>
    <row r="254" spans="1:4" s="3" customFormat="1" x14ac:dyDescent="0.15">
      <c r="A254" s="1" t="s">
        <v>2497</v>
      </c>
      <c r="B254" s="1"/>
      <c r="C254" s="1" t="s">
        <v>1325</v>
      </c>
      <c r="D254" s="1"/>
    </row>
    <row r="255" spans="1:4" s="3" customFormat="1" x14ac:dyDescent="0.15">
      <c r="A255" s="7" t="s">
        <v>2057</v>
      </c>
      <c r="B255" s="7" t="s">
        <v>1132</v>
      </c>
      <c r="C255" s="7" t="s">
        <v>1267</v>
      </c>
      <c r="D255" s="7"/>
    </row>
    <row r="256" spans="1:4" s="3" customFormat="1" x14ac:dyDescent="0.15">
      <c r="A256" s="7" t="s">
        <v>2058</v>
      </c>
      <c r="B256" s="7"/>
      <c r="C256" s="7" t="s">
        <v>2542</v>
      </c>
      <c r="D256" s="7"/>
    </row>
    <row r="257" spans="1:4" s="3" customFormat="1" x14ac:dyDescent="0.15">
      <c r="A257" s="7" t="s">
        <v>2230</v>
      </c>
      <c r="B257" s="7" t="s">
        <v>2059</v>
      </c>
      <c r="C257" s="7" t="s">
        <v>2060</v>
      </c>
      <c r="D257" s="7" t="s">
        <v>2025</v>
      </c>
    </row>
    <row r="258" spans="1:4" s="3" customFormat="1" x14ac:dyDescent="0.15">
      <c r="A258" s="7" t="s">
        <v>2061</v>
      </c>
      <c r="B258" s="7"/>
      <c r="C258" s="7" t="s">
        <v>1300</v>
      </c>
      <c r="D258" s="7"/>
    </row>
    <row r="259" spans="1:4" s="3" customFormat="1" x14ac:dyDescent="0.15">
      <c r="A259" s="7" t="s">
        <v>2062</v>
      </c>
      <c r="B259" s="7" t="s">
        <v>1132</v>
      </c>
      <c r="C259" s="7" t="s">
        <v>2063</v>
      </c>
      <c r="D259" s="7"/>
    </row>
    <row r="260" spans="1:4" s="3" customFormat="1" x14ac:dyDescent="0.15">
      <c r="A260" s="1" t="s">
        <v>2231</v>
      </c>
      <c r="B260" s="1" t="s">
        <v>2232</v>
      </c>
      <c r="C260" s="1" t="s">
        <v>1687</v>
      </c>
      <c r="D260" s="1"/>
    </row>
    <row r="261" spans="1:4" s="3" customFormat="1" x14ac:dyDescent="0.15">
      <c r="A261" s="7" t="s">
        <v>2233</v>
      </c>
      <c r="B261" s="7" t="s">
        <v>2064</v>
      </c>
      <c r="C261" s="7" t="s">
        <v>1354</v>
      </c>
      <c r="D261" s="7"/>
    </row>
    <row r="262" spans="1:4" s="3" customFormat="1" x14ac:dyDescent="0.15">
      <c r="A262" s="7" t="s">
        <v>2065</v>
      </c>
      <c r="B262" s="7" t="s">
        <v>2066</v>
      </c>
      <c r="C262" s="7" t="s">
        <v>1260</v>
      </c>
      <c r="D262" s="7"/>
    </row>
    <row r="263" spans="1:4" s="3" customFormat="1" ht="34.5" x14ac:dyDescent="0.15">
      <c r="A263" s="7" t="s">
        <v>2234</v>
      </c>
      <c r="B263" s="7"/>
      <c r="C263" s="7" t="s">
        <v>2067</v>
      </c>
      <c r="D263" s="7" t="s">
        <v>2068</v>
      </c>
    </row>
    <row r="264" spans="1:4" s="3" customFormat="1" x14ac:dyDescent="0.15">
      <c r="A264" s="7" t="s">
        <v>2069</v>
      </c>
      <c r="B264" s="7" t="s">
        <v>2070</v>
      </c>
      <c r="C264" s="7" t="s">
        <v>1260</v>
      </c>
      <c r="D264" s="7"/>
    </row>
    <row r="265" spans="1:4" s="3" customFormat="1" ht="34.5" x14ac:dyDescent="0.15">
      <c r="A265" s="7" t="s">
        <v>2235</v>
      </c>
      <c r="B265" s="7" t="s">
        <v>2071</v>
      </c>
      <c r="C265" s="7" t="s">
        <v>1257</v>
      </c>
      <c r="D265" s="7"/>
    </row>
    <row r="266" spans="1:4" s="3" customFormat="1" x14ac:dyDescent="0.15">
      <c r="A266" s="1" t="s">
        <v>2236</v>
      </c>
      <c r="B266" s="1" t="s">
        <v>2237</v>
      </c>
      <c r="C266" s="1" t="s">
        <v>1257</v>
      </c>
      <c r="D266" s="1"/>
    </row>
    <row r="267" spans="1:4" s="3" customFormat="1" x14ac:dyDescent="0.15">
      <c r="A267" s="7" t="s">
        <v>2072</v>
      </c>
      <c r="B267" s="7"/>
      <c r="C267" s="7" t="s">
        <v>1596</v>
      </c>
      <c r="D267" s="7"/>
    </row>
    <row r="268" spans="1:4" s="3" customFormat="1" x14ac:dyDescent="0.15">
      <c r="A268" s="7" t="s">
        <v>2073</v>
      </c>
      <c r="B268" s="7" t="s">
        <v>1132</v>
      </c>
      <c r="C268" s="7" t="s">
        <v>2074</v>
      </c>
      <c r="D268" s="7"/>
    </row>
    <row r="269" spans="1:4" s="3" customFormat="1" x14ac:dyDescent="0.15">
      <c r="A269" s="7" t="s">
        <v>2075</v>
      </c>
      <c r="B269" s="7" t="s">
        <v>2076</v>
      </c>
      <c r="C269" s="7" t="s">
        <v>1257</v>
      </c>
      <c r="D269" s="7"/>
    </row>
    <row r="270" spans="1:4" s="3" customFormat="1" x14ac:dyDescent="0.15">
      <c r="A270" s="7" t="s">
        <v>1367</v>
      </c>
      <c r="B270" s="7" t="s">
        <v>1132</v>
      </c>
      <c r="C270" s="7" t="s">
        <v>1464</v>
      </c>
      <c r="D270" s="7" t="s">
        <v>2077</v>
      </c>
    </row>
    <row r="271" spans="1:4" s="3" customFormat="1" x14ac:dyDescent="0.15">
      <c r="A271" s="7" t="s">
        <v>2078</v>
      </c>
      <c r="B271" s="7" t="s">
        <v>1769</v>
      </c>
      <c r="C271" s="7" t="s">
        <v>2079</v>
      </c>
      <c r="D271" s="7"/>
    </row>
    <row r="272" spans="1:4" s="3" customFormat="1" x14ac:dyDescent="0.15">
      <c r="A272" s="7" t="s">
        <v>2080</v>
      </c>
      <c r="B272" s="7" t="s">
        <v>2081</v>
      </c>
      <c r="C272" s="7" t="s">
        <v>1260</v>
      </c>
      <c r="D272" s="7"/>
    </row>
    <row r="273" spans="1:4" s="3" customFormat="1" x14ac:dyDescent="0.15">
      <c r="A273" s="7" t="s">
        <v>2083</v>
      </c>
      <c r="B273" s="7" t="s">
        <v>1132</v>
      </c>
      <c r="C273" s="7" t="s">
        <v>2084</v>
      </c>
      <c r="D273" s="7"/>
    </row>
    <row r="274" spans="1:4" s="3" customFormat="1" x14ac:dyDescent="0.15">
      <c r="A274" s="7" t="s">
        <v>2085</v>
      </c>
      <c r="B274" s="7" t="s">
        <v>2086</v>
      </c>
      <c r="C274" s="7" t="s">
        <v>1260</v>
      </c>
      <c r="D274" s="7"/>
    </row>
    <row r="275" spans="1:4" s="3" customFormat="1" x14ac:dyDescent="0.15">
      <c r="A275" s="7" t="s">
        <v>2087</v>
      </c>
      <c r="B275" s="7" t="s">
        <v>0</v>
      </c>
      <c r="C275" s="7" t="s">
        <v>1260</v>
      </c>
      <c r="D275" s="7"/>
    </row>
    <row r="276" spans="1:4" s="3" customFormat="1" x14ac:dyDescent="0.15">
      <c r="A276" s="7" t="s">
        <v>1</v>
      </c>
      <c r="B276" s="7"/>
      <c r="C276" s="7" t="s">
        <v>1596</v>
      </c>
      <c r="D276" s="7"/>
    </row>
    <row r="277" spans="1:4" s="3" customFormat="1" x14ac:dyDescent="0.15">
      <c r="A277" s="7" t="s">
        <v>1455</v>
      </c>
      <c r="B277" s="7" t="s">
        <v>1132</v>
      </c>
      <c r="C277" s="7" t="s">
        <v>1405</v>
      </c>
      <c r="D277" s="7" t="s">
        <v>1700</v>
      </c>
    </row>
    <row r="278" spans="1:4" s="3" customFormat="1" ht="51.75" x14ac:dyDescent="0.15">
      <c r="A278" s="7" t="s">
        <v>2238</v>
      </c>
      <c r="B278" s="7" t="s">
        <v>2239</v>
      </c>
      <c r="C278" s="7" t="s">
        <v>865</v>
      </c>
      <c r="D278" s="7"/>
    </row>
    <row r="279" spans="1:4" s="3" customFormat="1" x14ac:dyDescent="0.15">
      <c r="A279" s="1" t="s">
        <v>2240</v>
      </c>
      <c r="B279" s="1" t="s">
        <v>2</v>
      </c>
      <c r="C279" s="1" t="s">
        <v>1255</v>
      </c>
      <c r="D279" s="1"/>
    </row>
    <row r="280" spans="1:4" s="3" customFormat="1" x14ac:dyDescent="0.15">
      <c r="A280" s="1" t="s">
        <v>3</v>
      </c>
      <c r="B280" s="1" t="s">
        <v>4</v>
      </c>
      <c r="C280" s="1" t="s">
        <v>1325</v>
      </c>
      <c r="D280" s="7"/>
    </row>
    <row r="281" spans="1:4" s="3" customFormat="1" x14ac:dyDescent="0.15">
      <c r="A281" s="7" t="s">
        <v>5</v>
      </c>
      <c r="B281" s="7" t="s">
        <v>6</v>
      </c>
      <c r="C281" s="7" t="s">
        <v>1267</v>
      </c>
      <c r="D281" s="7"/>
    </row>
    <row r="282" spans="1:4" s="3" customFormat="1" ht="34.5" x14ac:dyDescent="0.15">
      <c r="A282" s="7" t="s">
        <v>7</v>
      </c>
      <c r="B282" s="7" t="s">
        <v>8</v>
      </c>
      <c r="C282" s="7" t="s">
        <v>9</v>
      </c>
      <c r="D282" s="7"/>
    </row>
    <row r="283" spans="1:4" s="3" customFormat="1" x14ac:dyDescent="0.15">
      <c r="A283" s="1" t="s">
        <v>2242</v>
      </c>
      <c r="B283" s="1" t="s">
        <v>2243</v>
      </c>
      <c r="C283" s="1" t="s">
        <v>2244</v>
      </c>
      <c r="D283" s="1"/>
    </row>
    <row r="284" spans="1:4" s="3" customFormat="1" x14ac:dyDescent="0.15">
      <c r="A284" s="7" t="s">
        <v>1381</v>
      </c>
      <c r="B284" s="7" t="s">
        <v>1132</v>
      </c>
      <c r="C284" s="7" t="s">
        <v>1325</v>
      </c>
      <c r="D284" s="7" t="s">
        <v>10</v>
      </c>
    </row>
    <row r="285" spans="1:4" s="3" customFormat="1" x14ac:dyDescent="0.15">
      <c r="A285" s="7" t="s">
        <v>2626</v>
      </c>
      <c r="B285" s="7" t="s">
        <v>1132</v>
      </c>
      <c r="C285" s="7" t="s">
        <v>1260</v>
      </c>
      <c r="D285" s="7"/>
    </row>
    <row r="286" spans="1:4" s="3" customFormat="1" x14ac:dyDescent="0.15">
      <c r="A286" s="7" t="s">
        <v>2627</v>
      </c>
      <c r="B286" s="7" t="s">
        <v>1132</v>
      </c>
      <c r="C286" s="7" t="s">
        <v>1325</v>
      </c>
      <c r="D286" s="7"/>
    </row>
    <row r="287" spans="1:4" s="3" customFormat="1" x14ac:dyDescent="0.15">
      <c r="A287" s="7" t="s">
        <v>2625</v>
      </c>
      <c r="B287" s="7" t="s">
        <v>11</v>
      </c>
      <c r="C287" s="7" t="s">
        <v>1260</v>
      </c>
      <c r="D287" s="7"/>
    </row>
    <row r="288" spans="1:4" s="3" customFormat="1" x14ac:dyDescent="0.15">
      <c r="A288" s="7" t="s">
        <v>12</v>
      </c>
      <c r="B288" s="7" t="s">
        <v>13</v>
      </c>
      <c r="C288" s="7" t="s">
        <v>1325</v>
      </c>
      <c r="D288" s="7"/>
    </row>
    <row r="289" spans="1:4" s="3" customFormat="1" x14ac:dyDescent="0.15">
      <c r="A289" s="7" t="s">
        <v>14</v>
      </c>
      <c r="B289" s="7" t="s">
        <v>15</v>
      </c>
      <c r="C289" s="7" t="s">
        <v>1260</v>
      </c>
      <c r="D289" s="7"/>
    </row>
    <row r="290" spans="1:4" s="3" customFormat="1" x14ac:dyDescent="0.15">
      <c r="A290" s="7" t="s">
        <v>16</v>
      </c>
      <c r="B290" s="7" t="s">
        <v>1132</v>
      </c>
      <c r="C290" s="7" t="s">
        <v>1325</v>
      </c>
      <c r="D290" s="7"/>
    </row>
    <row r="291" spans="1:4" s="3" customFormat="1" ht="34.5" x14ac:dyDescent="0.15">
      <c r="A291" s="7" t="s">
        <v>2245</v>
      </c>
      <c r="B291" s="7" t="s">
        <v>2246</v>
      </c>
      <c r="C291" s="7" t="s">
        <v>1388</v>
      </c>
      <c r="D291" s="32"/>
    </row>
    <row r="292" spans="1:4" s="3" customFormat="1" ht="34.5" x14ac:dyDescent="0.15">
      <c r="A292" s="7" t="s">
        <v>2247</v>
      </c>
      <c r="B292" s="7" t="s">
        <v>2248</v>
      </c>
      <c r="C292" s="7" t="s">
        <v>17</v>
      </c>
      <c r="D292" s="32"/>
    </row>
    <row r="293" spans="1:4" s="3" customFormat="1" ht="34.5" x14ac:dyDescent="0.15">
      <c r="A293" s="7" t="s">
        <v>2249</v>
      </c>
      <c r="B293" s="7"/>
      <c r="C293" s="7" t="s">
        <v>2250</v>
      </c>
      <c r="D293" s="7"/>
    </row>
    <row r="294" spans="1:4" s="3" customFormat="1" x14ac:dyDescent="0.15">
      <c r="A294" s="7" t="s">
        <v>18</v>
      </c>
      <c r="B294" s="7" t="s">
        <v>19</v>
      </c>
      <c r="C294" s="7" t="s">
        <v>20</v>
      </c>
      <c r="D294" s="7"/>
    </row>
    <row r="295" spans="1:4" s="3" customFormat="1" x14ac:dyDescent="0.15">
      <c r="A295" s="7" t="s">
        <v>1391</v>
      </c>
      <c r="B295" s="7" t="s">
        <v>1132</v>
      </c>
      <c r="C295" s="7" t="s">
        <v>21</v>
      </c>
      <c r="D295" s="7" t="s">
        <v>22</v>
      </c>
    </row>
    <row r="296" spans="1:4" s="3" customFormat="1" x14ac:dyDescent="0.15">
      <c r="A296" s="7" t="s">
        <v>2673</v>
      </c>
      <c r="B296" s="7" t="s">
        <v>2674</v>
      </c>
      <c r="C296" s="7" t="s">
        <v>2708</v>
      </c>
      <c r="D296" s="7"/>
    </row>
    <row r="297" spans="1:4" s="3" customFormat="1" x14ac:dyDescent="0.15">
      <c r="A297" s="7" t="s">
        <v>23</v>
      </c>
      <c r="B297" s="7" t="s">
        <v>1132</v>
      </c>
      <c r="C297" s="7" t="s">
        <v>1260</v>
      </c>
      <c r="D297" s="7"/>
    </row>
    <row r="298" spans="1:4" s="3" customFormat="1" ht="34.5" x14ac:dyDescent="0.15">
      <c r="A298" s="7" t="s">
        <v>2251</v>
      </c>
      <c r="B298" s="7"/>
      <c r="C298" s="7" t="s">
        <v>24</v>
      </c>
      <c r="D298" s="7"/>
    </row>
    <row r="299" spans="1:4" s="3" customFormat="1" x14ac:dyDescent="0.15">
      <c r="A299" s="7" t="s">
        <v>25</v>
      </c>
      <c r="B299" s="7" t="s">
        <v>1132</v>
      </c>
      <c r="C299" s="7" t="s">
        <v>1260</v>
      </c>
      <c r="D299" s="7"/>
    </row>
    <row r="300" spans="1:4" s="3" customFormat="1" x14ac:dyDescent="0.15">
      <c r="A300" s="7" t="s">
        <v>26</v>
      </c>
      <c r="B300" s="7" t="s">
        <v>1769</v>
      </c>
      <c r="C300" s="7" t="s">
        <v>1267</v>
      </c>
      <c r="D300" s="7"/>
    </row>
    <row r="301" spans="1:4" s="3" customFormat="1" x14ac:dyDescent="0.15">
      <c r="A301" s="7" t="s">
        <v>27</v>
      </c>
      <c r="B301" s="7" t="s">
        <v>1769</v>
      </c>
      <c r="C301" s="7" t="s">
        <v>28</v>
      </c>
      <c r="D301" s="7"/>
    </row>
    <row r="302" spans="1:4" s="3" customFormat="1" x14ac:dyDescent="0.15">
      <c r="A302" s="1" t="s">
        <v>29</v>
      </c>
      <c r="B302" s="7"/>
      <c r="C302" s="7" t="s">
        <v>1409</v>
      </c>
      <c r="D302" s="7"/>
    </row>
    <row r="303" spans="1:4" s="3" customFormat="1" x14ac:dyDescent="0.15">
      <c r="A303" s="7" t="s">
        <v>30</v>
      </c>
      <c r="B303" s="7" t="s">
        <v>1132</v>
      </c>
      <c r="C303" s="7" t="s">
        <v>1843</v>
      </c>
      <c r="D303" s="7"/>
    </row>
    <row r="304" spans="1:4" s="3" customFormat="1" x14ac:dyDescent="0.15">
      <c r="A304" s="7" t="s">
        <v>31</v>
      </c>
      <c r="B304" s="7" t="s">
        <v>1132</v>
      </c>
      <c r="C304" s="7" t="s">
        <v>1267</v>
      </c>
      <c r="D304" s="7"/>
    </row>
    <row r="305" spans="1:4" s="3" customFormat="1" x14ac:dyDescent="0.15">
      <c r="A305" s="7" t="s">
        <v>32</v>
      </c>
      <c r="B305" s="7" t="s">
        <v>33</v>
      </c>
      <c r="C305" s="7" t="s">
        <v>1596</v>
      </c>
      <c r="D305" s="7"/>
    </row>
    <row r="306" spans="1:4" s="3" customFormat="1" x14ac:dyDescent="0.15">
      <c r="A306" s="7" t="s">
        <v>34</v>
      </c>
      <c r="B306" s="7" t="s">
        <v>35</v>
      </c>
      <c r="C306" s="7" t="s">
        <v>1300</v>
      </c>
      <c r="D306" s="7"/>
    </row>
    <row r="307" spans="1:4" s="3" customFormat="1" x14ac:dyDescent="0.15">
      <c r="A307" s="7" t="s">
        <v>36</v>
      </c>
      <c r="B307" s="7" t="s">
        <v>37</v>
      </c>
      <c r="C307" s="7" t="s">
        <v>38</v>
      </c>
      <c r="D307" s="7"/>
    </row>
    <row r="308" spans="1:4" s="3" customFormat="1" x14ac:dyDescent="0.15">
      <c r="A308" s="7" t="s">
        <v>39</v>
      </c>
      <c r="B308" s="7" t="s">
        <v>40</v>
      </c>
      <c r="C308" s="7" t="s">
        <v>41</v>
      </c>
      <c r="D308" s="7"/>
    </row>
    <row r="309" spans="1:4" s="3" customFormat="1" x14ac:dyDescent="0.15">
      <c r="A309" s="7" t="s">
        <v>1399</v>
      </c>
      <c r="B309" s="7" t="s">
        <v>1400</v>
      </c>
      <c r="C309" s="7" t="s">
        <v>1257</v>
      </c>
      <c r="D309" s="7" t="s">
        <v>1821</v>
      </c>
    </row>
    <row r="310" spans="1:4" s="3" customFormat="1" x14ac:dyDescent="0.15">
      <c r="A310" s="7" t="s">
        <v>42</v>
      </c>
      <c r="B310" s="7" t="s">
        <v>43</v>
      </c>
      <c r="C310" s="7" t="s">
        <v>1445</v>
      </c>
      <c r="D310" s="7"/>
    </row>
    <row r="311" spans="1:4" s="3" customFormat="1" x14ac:dyDescent="0.15">
      <c r="A311" s="7" t="s">
        <v>44</v>
      </c>
      <c r="B311" s="7" t="s">
        <v>1132</v>
      </c>
      <c r="C311" s="7" t="s">
        <v>1325</v>
      </c>
      <c r="D311" s="7"/>
    </row>
    <row r="312" spans="1:4" s="3" customFormat="1" x14ac:dyDescent="0.15">
      <c r="A312" s="7" t="s">
        <v>45</v>
      </c>
      <c r="B312" s="7" t="s">
        <v>1132</v>
      </c>
      <c r="C312" s="7" t="s">
        <v>21</v>
      </c>
      <c r="D312" s="7"/>
    </row>
    <row r="313" spans="1:4" s="3" customFormat="1" ht="34.5" x14ac:dyDescent="0.15">
      <c r="A313" s="7" t="s">
        <v>2252</v>
      </c>
      <c r="B313" s="7" t="s">
        <v>2253</v>
      </c>
      <c r="C313" s="7" t="s">
        <v>1159</v>
      </c>
      <c r="D313" s="7"/>
    </row>
    <row r="314" spans="1:4" s="3" customFormat="1" x14ac:dyDescent="0.15">
      <c r="A314" s="7" t="s">
        <v>46</v>
      </c>
      <c r="B314" s="7"/>
      <c r="C314" s="7" t="s">
        <v>47</v>
      </c>
      <c r="D314" s="7"/>
    </row>
    <row r="315" spans="1:4" s="3" customFormat="1" x14ac:dyDescent="0.15">
      <c r="A315" s="7" t="s">
        <v>48</v>
      </c>
      <c r="B315" s="7" t="s">
        <v>1132</v>
      </c>
      <c r="C315" s="7" t="s">
        <v>1260</v>
      </c>
      <c r="D315" s="7"/>
    </row>
    <row r="316" spans="1:4" s="3" customFormat="1" x14ac:dyDescent="0.15">
      <c r="A316" s="1" t="s">
        <v>49</v>
      </c>
      <c r="B316" s="1" t="s">
        <v>50</v>
      </c>
      <c r="C316" s="1" t="s">
        <v>1260</v>
      </c>
      <c r="D316" s="7"/>
    </row>
    <row r="317" spans="1:4" s="3" customFormat="1" x14ac:dyDescent="0.15">
      <c r="A317" s="7" t="s">
        <v>51</v>
      </c>
      <c r="B317" s="7" t="s">
        <v>1132</v>
      </c>
      <c r="C317" s="7" t="s">
        <v>52</v>
      </c>
      <c r="D317" s="7"/>
    </row>
    <row r="318" spans="1:4" s="3" customFormat="1" x14ac:dyDescent="0.15">
      <c r="A318" s="7" t="s">
        <v>53</v>
      </c>
      <c r="B318" s="7" t="s">
        <v>1132</v>
      </c>
      <c r="C318" s="7" t="s">
        <v>1257</v>
      </c>
      <c r="D318" s="7"/>
    </row>
    <row r="319" spans="1:4" s="3" customFormat="1" ht="34.5" x14ac:dyDescent="0.15">
      <c r="A319" s="7" t="s">
        <v>2254</v>
      </c>
      <c r="B319" s="7" t="s">
        <v>2255</v>
      </c>
      <c r="C319" s="7" t="s">
        <v>1409</v>
      </c>
      <c r="D319" s="7"/>
    </row>
    <row r="320" spans="1:4" s="3" customFormat="1" x14ac:dyDescent="0.15">
      <c r="A320" s="7" t="s">
        <v>2256</v>
      </c>
      <c r="B320" s="1"/>
      <c r="C320" s="7" t="s">
        <v>1277</v>
      </c>
      <c r="D320" s="7"/>
    </row>
    <row r="321" spans="1:4" s="3" customFormat="1" x14ac:dyDescent="0.15">
      <c r="A321" s="1" t="s">
        <v>2257</v>
      </c>
      <c r="B321" s="1"/>
      <c r="C321" s="1" t="s">
        <v>2258</v>
      </c>
      <c r="D321" s="1"/>
    </row>
    <row r="322" spans="1:4" s="3" customFormat="1" x14ac:dyDescent="0.15">
      <c r="A322" s="7" t="s">
        <v>54</v>
      </c>
      <c r="B322" s="7" t="s">
        <v>55</v>
      </c>
      <c r="C322" s="7" t="s">
        <v>1325</v>
      </c>
      <c r="D322" s="7"/>
    </row>
    <row r="323" spans="1:4" s="3" customFormat="1" x14ac:dyDescent="0.15">
      <c r="A323" s="7" t="s">
        <v>56</v>
      </c>
      <c r="B323" s="7" t="s">
        <v>57</v>
      </c>
      <c r="C323" s="7" t="s">
        <v>1257</v>
      </c>
      <c r="D323" s="7"/>
    </row>
    <row r="324" spans="1:4" s="3" customFormat="1" x14ac:dyDescent="0.15">
      <c r="A324" s="7" t="s">
        <v>2259</v>
      </c>
      <c r="B324" s="7" t="s">
        <v>1132</v>
      </c>
      <c r="C324" s="7" t="s">
        <v>58</v>
      </c>
      <c r="D324" s="7"/>
    </row>
    <row r="325" spans="1:4" s="3" customFormat="1" ht="34.5" x14ac:dyDescent="0.15">
      <c r="A325" s="7" t="s">
        <v>2260</v>
      </c>
      <c r="B325" s="7" t="s">
        <v>2261</v>
      </c>
      <c r="C325" s="7" t="s">
        <v>1257</v>
      </c>
      <c r="D325" s="7" t="s">
        <v>285</v>
      </c>
    </row>
    <row r="326" spans="1:4" s="3" customFormat="1" x14ac:dyDescent="0.15">
      <c r="A326" s="7" t="s">
        <v>59</v>
      </c>
      <c r="B326" s="7" t="s">
        <v>60</v>
      </c>
      <c r="C326" s="7" t="s">
        <v>61</v>
      </c>
      <c r="D326" s="7"/>
    </row>
    <row r="327" spans="1:4" s="3" customFormat="1" x14ac:dyDescent="0.15">
      <c r="A327" s="7" t="s">
        <v>62</v>
      </c>
      <c r="B327" s="7" t="s">
        <v>1132</v>
      </c>
      <c r="C327" s="7" t="s">
        <v>1260</v>
      </c>
      <c r="D327" s="7"/>
    </row>
    <row r="328" spans="1:4" s="3" customFormat="1" x14ac:dyDescent="0.15">
      <c r="A328" s="7" t="s">
        <v>63</v>
      </c>
      <c r="B328" s="7" t="s">
        <v>64</v>
      </c>
      <c r="C328" s="7" t="s">
        <v>65</v>
      </c>
      <c r="D328" s="7"/>
    </row>
    <row r="329" spans="1:4" s="3" customFormat="1" x14ac:dyDescent="0.15">
      <c r="A329" s="7" t="s">
        <v>66</v>
      </c>
      <c r="B329" s="7" t="s">
        <v>67</v>
      </c>
      <c r="C329" s="7" t="s">
        <v>1277</v>
      </c>
      <c r="D329" s="7"/>
    </row>
    <row r="330" spans="1:4" s="3" customFormat="1" x14ac:dyDescent="0.15">
      <c r="A330" s="7" t="s">
        <v>68</v>
      </c>
      <c r="B330" s="7" t="s">
        <v>69</v>
      </c>
      <c r="C330" s="7" t="s">
        <v>1325</v>
      </c>
      <c r="D330" s="7"/>
    </row>
    <row r="331" spans="1:4" s="3" customFormat="1" x14ac:dyDescent="0.15">
      <c r="A331" s="7" t="s">
        <v>70</v>
      </c>
      <c r="B331" s="7" t="s">
        <v>1132</v>
      </c>
      <c r="C331" s="7" t="s">
        <v>71</v>
      </c>
      <c r="D331" s="7"/>
    </row>
    <row r="332" spans="1:4" s="3" customFormat="1" x14ac:dyDescent="0.15">
      <c r="A332" s="7" t="s">
        <v>72</v>
      </c>
      <c r="B332" s="7" t="s">
        <v>1132</v>
      </c>
      <c r="C332" s="7" t="s">
        <v>1464</v>
      </c>
      <c r="D332" s="7"/>
    </row>
    <row r="333" spans="1:4" s="3" customFormat="1" x14ac:dyDescent="0.15">
      <c r="A333" s="7" t="s">
        <v>73</v>
      </c>
      <c r="B333" s="7" t="s">
        <v>74</v>
      </c>
      <c r="C333" s="7" t="s">
        <v>1267</v>
      </c>
      <c r="D333" s="7"/>
    </row>
    <row r="334" spans="1:4" s="3" customFormat="1" x14ac:dyDescent="0.15">
      <c r="A334" s="7" t="s">
        <v>75</v>
      </c>
      <c r="B334" s="7" t="s">
        <v>76</v>
      </c>
      <c r="C334" s="7" t="s">
        <v>1269</v>
      </c>
      <c r="D334" s="7"/>
    </row>
    <row r="335" spans="1:4" s="3" customFormat="1" x14ac:dyDescent="0.15">
      <c r="A335" s="7" t="s">
        <v>77</v>
      </c>
      <c r="B335" s="7" t="s">
        <v>78</v>
      </c>
      <c r="C335" s="7" t="s">
        <v>1260</v>
      </c>
      <c r="D335" s="7"/>
    </row>
    <row r="336" spans="1:4" s="3" customFormat="1" x14ac:dyDescent="0.15">
      <c r="A336" s="7" t="s">
        <v>79</v>
      </c>
      <c r="B336" s="7" t="s">
        <v>80</v>
      </c>
      <c r="C336" s="7" t="s">
        <v>1269</v>
      </c>
      <c r="D336" s="7"/>
    </row>
    <row r="337" spans="1:4" s="3" customFormat="1" x14ac:dyDescent="0.15">
      <c r="A337" s="7" t="s">
        <v>81</v>
      </c>
      <c r="B337" s="7" t="s">
        <v>82</v>
      </c>
      <c r="C337" s="7" t="s">
        <v>83</v>
      </c>
      <c r="D337" s="7"/>
    </row>
    <row r="338" spans="1:4" s="3" customFormat="1" x14ac:dyDescent="0.15">
      <c r="A338" s="7" t="s">
        <v>84</v>
      </c>
      <c r="B338" s="7" t="s">
        <v>1132</v>
      </c>
      <c r="C338" s="7" t="s">
        <v>85</v>
      </c>
      <c r="D338" s="7"/>
    </row>
    <row r="339" spans="1:4" s="3" customFormat="1" ht="34.5" x14ac:dyDescent="0.15">
      <c r="A339" s="7" t="s">
        <v>1176</v>
      </c>
      <c r="B339" s="7" t="s">
        <v>263</v>
      </c>
      <c r="C339" s="7" t="s">
        <v>1199</v>
      </c>
      <c r="D339" s="7" t="s">
        <v>264</v>
      </c>
    </row>
    <row r="340" spans="1:4" s="3" customFormat="1" x14ac:dyDescent="0.15">
      <c r="A340" s="7" t="s">
        <v>86</v>
      </c>
      <c r="B340" s="7" t="s">
        <v>1132</v>
      </c>
      <c r="C340" s="7" t="s">
        <v>1325</v>
      </c>
      <c r="D340" s="7"/>
    </row>
    <row r="341" spans="1:4" s="3" customFormat="1" x14ac:dyDescent="0.15">
      <c r="A341" s="7" t="s">
        <v>87</v>
      </c>
      <c r="B341" s="7"/>
      <c r="C341" s="7" t="s">
        <v>1257</v>
      </c>
      <c r="D341" s="7"/>
    </row>
    <row r="342" spans="1:4" s="3" customFormat="1" x14ac:dyDescent="0.15">
      <c r="A342" s="7" t="s">
        <v>88</v>
      </c>
      <c r="B342" s="7" t="s">
        <v>89</v>
      </c>
      <c r="C342" s="7" t="s">
        <v>1257</v>
      </c>
      <c r="D342" s="7"/>
    </row>
    <row r="343" spans="1:4" s="3" customFormat="1" x14ac:dyDescent="0.15">
      <c r="A343" s="7" t="s">
        <v>90</v>
      </c>
      <c r="B343" s="7" t="s">
        <v>1132</v>
      </c>
      <c r="C343" s="7" t="s">
        <v>1267</v>
      </c>
      <c r="D343" s="7"/>
    </row>
    <row r="344" spans="1:4" s="3" customFormat="1" ht="34.5" x14ac:dyDescent="0.15">
      <c r="A344" s="7" t="s">
        <v>2262</v>
      </c>
      <c r="B344" s="7" t="s">
        <v>2528</v>
      </c>
      <c r="C344" s="7" t="s">
        <v>684</v>
      </c>
      <c r="D344" s="7" t="s">
        <v>2082</v>
      </c>
    </row>
    <row r="345" spans="1:4" s="3" customFormat="1" x14ac:dyDescent="0.15">
      <c r="A345" s="1" t="s">
        <v>91</v>
      </c>
      <c r="B345" s="1"/>
      <c r="C345" s="1" t="s">
        <v>1260</v>
      </c>
      <c r="D345" s="1"/>
    </row>
    <row r="346" spans="1:4" s="3" customFormat="1" x14ac:dyDescent="0.15">
      <c r="A346" s="7" t="s">
        <v>2263</v>
      </c>
      <c r="B346" s="7" t="s">
        <v>92</v>
      </c>
      <c r="C346" s="7" t="s">
        <v>93</v>
      </c>
      <c r="D346" s="7"/>
    </row>
    <row r="347" spans="1:4" s="3" customFormat="1" x14ac:dyDescent="0.15">
      <c r="A347" s="1" t="s">
        <v>2264</v>
      </c>
      <c r="B347" s="1" t="s">
        <v>2265</v>
      </c>
      <c r="C347" s="1" t="s">
        <v>2266</v>
      </c>
      <c r="D347" s="1"/>
    </row>
    <row r="348" spans="1:4" s="3" customFormat="1" x14ac:dyDescent="0.15">
      <c r="A348" s="7" t="s">
        <v>94</v>
      </c>
      <c r="B348" s="7" t="s">
        <v>95</v>
      </c>
      <c r="C348" s="7" t="s">
        <v>1260</v>
      </c>
      <c r="D348" s="7"/>
    </row>
    <row r="349" spans="1:4" s="3" customFormat="1" ht="34.5" x14ac:dyDescent="0.15">
      <c r="A349" s="7" t="s">
        <v>96</v>
      </c>
      <c r="B349" s="7" t="s">
        <v>2267</v>
      </c>
      <c r="C349" s="7" t="s">
        <v>2268</v>
      </c>
      <c r="D349" s="7"/>
    </row>
    <row r="350" spans="1:4" s="3" customFormat="1" x14ac:dyDescent="0.15">
      <c r="A350" s="7" t="s">
        <v>97</v>
      </c>
      <c r="B350" s="7" t="s">
        <v>1132</v>
      </c>
      <c r="C350" s="7" t="s">
        <v>1260</v>
      </c>
      <c r="D350" s="7"/>
    </row>
    <row r="351" spans="1:4" s="3" customFormat="1" ht="34.5" x14ac:dyDescent="0.15">
      <c r="A351" s="7" t="s">
        <v>2572</v>
      </c>
      <c r="B351" s="7" t="s">
        <v>2573</v>
      </c>
      <c r="C351" s="7" t="s">
        <v>2582</v>
      </c>
      <c r="D351" s="7"/>
    </row>
    <row r="352" spans="1:4" s="3" customFormat="1" x14ac:dyDescent="0.15">
      <c r="A352" s="7" t="s">
        <v>1477</v>
      </c>
      <c r="B352" s="7" t="s">
        <v>2269</v>
      </c>
      <c r="C352" s="7" t="s">
        <v>1478</v>
      </c>
      <c r="D352" s="7"/>
    </row>
    <row r="353" spans="1:4" s="3" customFormat="1" x14ac:dyDescent="0.15">
      <c r="A353" s="7" t="s">
        <v>98</v>
      </c>
      <c r="B353" s="7" t="s">
        <v>1132</v>
      </c>
      <c r="C353" s="7" t="s">
        <v>1260</v>
      </c>
      <c r="D353" s="7"/>
    </row>
    <row r="354" spans="1:4" s="3" customFormat="1" x14ac:dyDescent="0.15">
      <c r="A354" s="7" t="s">
        <v>99</v>
      </c>
      <c r="B354" s="7" t="s">
        <v>100</v>
      </c>
      <c r="C354" s="7" t="s">
        <v>1277</v>
      </c>
      <c r="D354" s="7"/>
    </row>
    <row r="355" spans="1:4" s="3" customFormat="1" x14ac:dyDescent="0.15">
      <c r="A355" s="7" t="s">
        <v>2270</v>
      </c>
      <c r="B355" s="7" t="s">
        <v>2723</v>
      </c>
      <c r="C355" s="7" t="s">
        <v>101</v>
      </c>
      <c r="D355" s="7"/>
    </row>
    <row r="356" spans="1:4" s="3" customFormat="1" x14ac:dyDescent="0.15">
      <c r="A356" s="7" t="s">
        <v>102</v>
      </c>
      <c r="B356" s="7" t="s">
        <v>103</v>
      </c>
      <c r="C356" s="7" t="s">
        <v>1260</v>
      </c>
      <c r="D356" s="7"/>
    </row>
    <row r="357" spans="1:4" s="3" customFormat="1" x14ac:dyDescent="0.15">
      <c r="A357" s="7" t="s">
        <v>104</v>
      </c>
      <c r="B357" s="7" t="s">
        <v>1132</v>
      </c>
      <c r="C357" s="7" t="s">
        <v>1325</v>
      </c>
      <c r="D357" s="7"/>
    </row>
    <row r="358" spans="1:4" s="3" customFormat="1" x14ac:dyDescent="0.15">
      <c r="A358" s="7" t="s">
        <v>105</v>
      </c>
      <c r="B358" s="7"/>
      <c r="C358" s="7" t="s">
        <v>1260</v>
      </c>
      <c r="D358" s="7"/>
    </row>
    <row r="359" spans="1:4" s="3" customFormat="1" x14ac:dyDescent="0.15">
      <c r="A359" s="7" t="s">
        <v>106</v>
      </c>
      <c r="B359" s="7" t="s">
        <v>1132</v>
      </c>
      <c r="C359" s="7" t="s">
        <v>1267</v>
      </c>
      <c r="D359" s="7"/>
    </row>
    <row r="360" spans="1:4" s="3" customFormat="1" x14ac:dyDescent="0.15">
      <c r="A360" s="7" t="s">
        <v>107</v>
      </c>
      <c r="B360" s="7" t="s">
        <v>108</v>
      </c>
      <c r="C360" s="7" t="s">
        <v>1257</v>
      </c>
      <c r="D360" s="7"/>
    </row>
    <row r="361" spans="1:4" s="3" customFormat="1" x14ac:dyDescent="0.15">
      <c r="A361" s="7" t="s">
        <v>1421</v>
      </c>
      <c r="B361" s="7" t="s">
        <v>1132</v>
      </c>
      <c r="C361" s="7" t="s">
        <v>1464</v>
      </c>
      <c r="D361" s="7" t="s">
        <v>1821</v>
      </c>
    </row>
    <row r="362" spans="1:4" s="3" customFormat="1" x14ac:dyDescent="0.15">
      <c r="A362" s="7" t="s">
        <v>2271</v>
      </c>
      <c r="B362" s="7" t="s">
        <v>109</v>
      </c>
      <c r="C362" s="7" t="s">
        <v>1277</v>
      </c>
      <c r="D362" s="7" t="s">
        <v>110</v>
      </c>
    </row>
    <row r="363" spans="1:4" s="3" customFormat="1" x14ac:dyDescent="0.15">
      <c r="A363" s="7" t="s">
        <v>111</v>
      </c>
      <c r="B363" s="7" t="s">
        <v>1132</v>
      </c>
      <c r="C363" s="7" t="s">
        <v>1464</v>
      </c>
      <c r="D363" s="7"/>
    </row>
    <row r="364" spans="1:4" s="3" customFormat="1" x14ac:dyDescent="0.15">
      <c r="A364" s="1" t="s">
        <v>2479</v>
      </c>
      <c r="B364" s="1"/>
      <c r="C364" s="1" t="s">
        <v>2480</v>
      </c>
      <c r="D364" s="1"/>
    </row>
    <row r="365" spans="1:4" s="3" customFormat="1" x14ac:dyDescent="0.15">
      <c r="A365" s="7" t="s">
        <v>112</v>
      </c>
      <c r="B365" s="7" t="s">
        <v>113</v>
      </c>
      <c r="C365" s="7" t="s">
        <v>1255</v>
      </c>
      <c r="D365" s="7"/>
    </row>
    <row r="366" spans="1:4" s="3" customFormat="1" x14ac:dyDescent="0.15">
      <c r="A366" s="7" t="s">
        <v>114</v>
      </c>
      <c r="B366" s="7" t="s">
        <v>115</v>
      </c>
      <c r="C366" s="7" t="s">
        <v>1260</v>
      </c>
      <c r="D366" s="7"/>
    </row>
    <row r="367" spans="1:4" s="3" customFormat="1" x14ac:dyDescent="0.15">
      <c r="A367" s="7" t="s">
        <v>116</v>
      </c>
      <c r="B367" s="7" t="s">
        <v>1790</v>
      </c>
      <c r="C367" s="7" t="s">
        <v>1325</v>
      </c>
      <c r="D367" s="7"/>
    </row>
    <row r="368" spans="1:4" s="3" customFormat="1" x14ac:dyDescent="0.15">
      <c r="A368" s="7" t="s">
        <v>117</v>
      </c>
      <c r="B368" s="7" t="s">
        <v>118</v>
      </c>
      <c r="C368" s="7" t="s">
        <v>1331</v>
      </c>
      <c r="D368" s="7"/>
    </row>
    <row r="369" spans="1:4" s="3" customFormat="1" x14ac:dyDescent="0.15">
      <c r="A369" s="7" t="s">
        <v>119</v>
      </c>
      <c r="B369" s="7"/>
      <c r="C369" s="7" t="s">
        <v>1260</v>
      </c>
      <c r="D369" s="7"/>
    </row>
    <row r="370" spans="1:4" s="3" customFormat="1" x14ac:dyDescent="0.15">
      <c r="A370" s="7" t="s">
        <v>120</v>
      </c>
      <c r="B370" s="7" t="s">
        <v>1132</v>
      </c>
      <c r="C370" s="7" t="s">
        <v>1257</v>
      </c>
      <c r="D370" s="7"/>
    </row>
    <row r="371" spans="1:4" s="3" customFormat="1" x14ac:dyDescent="0.15">
      <c r="A371" s="7" t="s">
        <v>121</v>
      </c>
      <c r="B371" s="7" t="s">
        <v>122</v>
      </c>
      <c r="C371" s="7" t="s">
        <v>1269</v>
      </c>
      <c r="D371" s="7"/>
    </row>
    <row r="372" spans="1:4" s="3" customFormat="1" x14ac:dyDescent="0.15">
      <c r="A372" s="7" t="s">
        <v>123</v>
      </c>
      <c r="B372" s="7" t="s">
        <v>124</v>
      </c>
      <c r="C372" s="7" t="s">
        <v>1325</v>
      </c>
      <c r="D372" s="7"/>
    </row>
    <row r="373" spans="1:4" s="3" customFormat="1" x14ac:dyDescent="0.15">
      <c r="A373" s="7" t="s">
        <v>2272</v>
      </c>
      <c r="B373" s="7" t="s">
        <v>2540</v>
      </c>
      <c r="C373" s="7" t="s">
        <v>2541</v>
      </c>
      <c r="D373" s="7"/>
    </row>
    <row r="374" spans="1:4" s="3" customFormat="1" x14ac:dyDescent="0.15">
      <c r="A374" s="7" t="s">
        <v>125</v>
      </c>
      <c r="B374" s="7" t="s">
        <v>126</v>
      </c>
      <c r="C374" s="7" t="s">
        <v>1260</v>
      </c>
      <c r="D374" s="7"/>
    </row>
    <row r="375" spans="1:4" s="3" customFormat="1" x14ac:dyDescent="0.15">
      <c r="A375" s="7" t="s">
        <v>127</v>
      </c>
      <c r="B375" s="7" t="s">
        <v>128</v>
      </c>
      <c r="C375" s="7" t="s">
        <v>129</v>
      </c>
      <c r="D375" s="7"/>
    </row>
    <row r="376" spans="1:4" s="3" customFormat="1" x14ac:dyDescent="0.15">
      <c r="A376" s="7" t="s">
        <v>130</v>
      </c>
      <c r="B376" s="7" t="s">
        <v>131</v>
      </c>
      <c r="C376" s="7" t="s">
        <v>1325</v>
      </c>
      <c r="D376" s="7" t="s">
        <v>132</v>
      </c>
    </row>
    <row r="377" spans="1:4" s="3" customFormat="1" x14ac:dyDescent="0.15">
      <c r="A377" s="7" t="s">
        <v>133</v>
      </c>
      <c r="B377" s="7" t="s">
        <v>1132</v>
      </c>
      <c r="C377" s="7" t="s">
        <v>1325</v>
      </c>
      <c r="D377" s="7"/>
    </row>
    <row r="378" spans="1:4" s="3" customFormat="1" x14ac:dyDescent="0.15">
      <c r="A378" s="7" t="s">
        <v>134</v>
      </c>
      <c r="B378" s="7" t="s">
        <v>1132</v>
      </c>
      <c r="C378" s="7" t="s">
        <v>1464</v>
      </c>
      <c r="D378" s="7"/>
    </row>
    <row r="379" spans="1:4" s="3" customFormat="1" x14ac:dyDescent="0.15">
      <c r="A379" s="7" t="s">
        <v>135</v>
      </c>
      <c r="B379" s="7" t="s">
        <v>136</v>
      </c>
      <c r="C379" s="7" t="s">
        <v>1325</v>
      </c>
      <c r="D379" s="7"/>
    </row>
    <row r="380" spans="1:4" s="3" customFormat="1" x14ac:dyDescent="0.15">
      <c r="A380" s="7" t="s">
        <v>137</v>
      </c>
      <c r="B380" s="7" t="s">
        <v>138</v>
      </c>
      <c r="C380" s="7" t="s">
        <v>1830</v>
      </c>
      <c r="D380" s="7"/>
    </row>
    <row r="381" spans="1:4" s="3" customFormat="1" x14ac:dyDescent="0.15">
      <c r="A381" s="7" t="s">
        <v>139</v>
      </c>
      <c r="B381" s="7" t="s">
        <v>1132</v>
      </c>
      <c r="C381" s="7" t="s">
        <v>1255</v>
      </c>
      <c r="D381" s="7"/>
    </row>
    <row r="382" spans="1:4" s="3" customFormat="1" x14ac:dyDescent="0.15">
      <c r="A382" s="7" t="s">
        <v>144</v>
      </c>
      <c r="B382" s="7" t="s">
        <v>145</v>
      </c>
      <c r="C382" s="7" t="s">
        <v>1260</v>
      </c>
      <c r="D382" s="7"/>
    </row>
    <row r="383" spans="1:4" s="3" customFormat="1" x14ac:dyDescent="0.15">
      <c r="A383" s="7" t="s">
        <v>146</v>
      </c>
      <c r="B383" s="7" t="s">
        <v>1132</v>
      </c>
      <c r="C383" s="7" t="s">
        <v>1255</v>
      </c>
      <c r="D383" s="7"/>
    </row>
    <row r="384" spans="1:4" s="3" customFormat="1" x14ac:dyDescent="0.15">
      <c r="A384" s="7" t="s">
        <v>147</v>
      </c>
      <c r="B384" s="7" t="s">
        <v>1132</v>
      </c>
      <c r="C384" s="7" t="s">
        <v>1351</v>
      </c>
      <c r="D384" s="7"/>
    </row>
    <row r="385" spans="1:4" s="3" customFormat="1" x14ac:dyDescent="0.15">
      <c r="A385" s="7" t="s">
        <v>148</v>
      </c>
      <c r="B385" s="7" t="s">
        <v>1132</v>
      </c>
      <c r="C385" s="7" t="s">
        <v>149</v>
      </c>
      <c r="D385" s="7"/>
    </row>
    <row r="386" spans="1:4" s="3" customFormat="1" x14ac:dyDescent="0.15">
      <c r="A386" s="7" t="s">
        <v>150</v>
      </c>
      <c r="B386" s="7" t="s">
        <v>151</v>
      </c>
      <c r="C386" s="7" t="s">
        <v>1538</v>
      </c>
      <c r="D386" s="7"/>
    </row>
    <row r="387" spans="1:4" s="3" customFormat="1" x14ac:dyDescent="0.15">
      <c r="A387" s="7" t="s">
        <v>1436</v>
      </c>
      <c r="B387" s="7"/>
      <c r="C387" s="7" t="s">
        <v>152</v>
      </c>
      <c r="D387" s="7" t="s">
        <v>1821</v>
      </c>
    </row>
    <row r="388" spans="1:4" s="3" customFormat="1" x14ac:dyDescent="0.15">
      <c r="A388" s="7" t="s">
        <v>153</v>
      </c>
      <c r="B388" s="7" t="s">
        <v>154</v>
      </c>
      <c r="C388" s="7" t="s">
        <v>155</v>
      </c>
      <c r="D388" s="7"/>
    </row>
    <row r="389" spans="1:4" s="3" customFormat="1" x14ac:dyDescent="0.15">
      <c r="A389" s="7" t="s">
        <v>156</v>
      </c>
      <c r="B389" s="7" t="s">
        <v>1132</v>
      </c>
      <c r="C389" s="7" t="s">
        <v>1413</v>
      </c>
      <c r="D389" s="7"/>
    </row>
    <row r="390" spans="1:4" s="3" customFormat="1" x14ac:dyDescent="0.15">
      <c r="A390" s="7" t="s">
        <v>157</v>
      </c>
      <c r="B390" s="7" t="s">
        <v>1132</v>
      </c>
      <c r="C390" s="7" t="s">
        <v>1257</v>
      </c>
      <c r="D390" s="7"/>
    </row>
    <row r="391" spans="1:4" s="3" customFormat="1" x14ac:dyDescent="0.15">
      <c r="A391" s="7" t="s">
        <v>158</v>
      </c>
      <c r="B391" s="7" t="s">
        <v>159</v>
      </c>
      <c r="C391" s="7" t="s">
        <v>1258</v>
      </c>
      <c r="D391" s="7"/>
    </row>
    <row r="392" spans="1:4" s="3" customFormat="1" x14ac:dyDescent="0.15">
      <c r="A392" s="7" t="s">
        <v>160</v>
      </c>
      <c r="B392" s="7" t="s">
        <v>1132</v>
      </c>
      <c r="C392" s="7" t="s">
        <v>1596</v>
      </c>
      <c r="D392" s="7"/>
    </row>
    <row r="393" spans="1:4" s="3" customFormat="1" x14ac:dyDescent="0.15">
      <c r="A393" s="7" t="s">
        <v>2273</v>
      </c>
      <c r="B393" s="7" t="s">
        <v>2724</v>
      </c>
      <c r="C393" s="7" t="s">
        <v>1260</v>
      </c>
      <c r="D393" s="7"/>
    </row>
    <row r="394" spans="1:4" s="3" customFormat="1" x14ac:dyDescent="0.15">
      <c r="A394" s="7" t="s">
        <v>2274</v>
      </c>
      <c r="B394" s="7" t="s">
        <v>2725</v>
      </c>
      <c r="C394" s="7" t="s">
        <v>1277</v>
      </c>
      <c r="D394" s="7"/>
    </row>
    <row r="395" spans="1:4" s="3" customFormat="1" x14ac:dyDescent="0.15">
      <c r="A395" s="7" t="s">
        <v>161</v>
      </c>
      <c r="B395" s="7" t="s">
        <v>162</v>
      </c>
      <c r="C395" s="7" t="s">
        <v>1325</v>
      </c>
      <c r="D395" s="7"/>
    </row>
    <row r="396" spans="1:4" s="3" customFormat="1" x14ac:dyDescent="0.15">
      <c r="A396" s="7" t="s">
        <v>163</v>
      </c>
      <c r="B396" s="7" t="s">
        <v>1132</v>
      </c>
      <c r="C396" s="7" t="s">
        <v>1464</v>
      </c>
      <c r="D396" s="7"/>
    </row>
    <row r="397" spans="1:4" s="3" customFormat="1" x14ac:dyDescent="0.15">
      <c r="A397" s="7" t="s">
        <v>2275</v>
      </c>
      <c r="B397" s="7" t="s">
        <v>164</v>
      </c>
      <c r="C397" s="7" t="s">
        <v>1267</v>
      </c>
      <c r="D397" s="7"/>
    </row>
    <row r="398" spans="1:4" s="3" customFormat="1" x14ac:dyDescent="0.15">
      <c r="A398" s="7" t="s">
        <v>165</v>
      </c>
      <c r="B398" s="7" t="s">
        <v>1132</v>
      </c>
      <c r="C398" s="7" t="s">
        <v>1405</v>
      </c>
      <c r="D398" s="7"/>
    </row>
    <row r="399" spans="1:4" s="3" customFormat="1" x14ac:dyDescent="0.15">
      <c r="A399" s="7" t="s">
        <v>166</v>
      </c>
      <c r="B399" s="7"/>
      <c r="C399" s="7" t="s">
        <v>1257</v>
      </c>
      <c r="D399" s="7"/>
    </row>
    <row r="400" spans="1:4" s="3" customFormat="1" x14ac:dyDescent="0.15">
      <c r="A400" s="7" t="s">
        <v>2276</v>
      </c>
      <c r="B400" s="7" t="s">
        <v>167</v>
      </c>
      <c r="C400" s="7" t="s">
        <v>1260</v>
      </c>
      <c r="D400" s="7"/>
    </row>
    <row r="401" spans="1:4" s="3" customFormat="1" x14ac:dyDescent="0.15">
      <c r="A401" s="7" t="s">
        <v>168</v>
      </c>
      <c r="B401" s="7" t="s">
        <v>1132</v>
      </c>
      <c r="C401" s="7" t="s">
        <v>1260</v>
      </c>
      <c r="D401" s="7"/>
    </row>
    <row r="402" spans="1:4" s="3" customFormat="1" x14ac:dyDescent="0.15">
      <c r="A402" s="7" t="s">
        <v>169</v>
      </c>
      <c r="B402" s="7" t="s">
        <v>170</v>
      </c>
      <c r="C402" s="7" t="s">
        <v>171</v>
      </c>
      <c r="D402" s="7"/>
    </row>
    <row r="403" spans="1:4" s="3" customFormat="1" x14ac:dyDescent="0.15">
      <c r="A403" s="7" t="s">
        <v>172</v>
      </c>
      <c r="B403" s="7" t="s">
        <v>1132</v>
      </c>
      <c r="C403" s="7" t="s">
        <v>1277</v>
      </c>
      <c r="D403" s="7"/>
    </row>
    <row r="404" spans="1:4" s="3" customFormat="1" x14ac:dyDescent="0.15">
      <c r="A404" s="7" t="s">
        <v>173</v>
      </c>
      <c r="B404" s="7"/>
      <c r="C404" s="7" t="s">
        <v>1260</v>
      </c>
      <c r="D404" s="7"/>
    </row>
    <row r="405" spans="1:4" s="3" customFormat="1" x14ac:dyDescent="0.15">
      <c r="A405" s="7" t="s">
        <v>174</v>
      </c>
      <c r="B405" s="7" t="s">
        <v>175</v>
      </c>
      <c r="C405" s="7" t="s">
        <v>1260</v>
      </c>
      <c r="D405" s="7"/>
    </row>
    <row r="406" spans="1:4" s="3" customFormat="1" x14ac:dyDescent="0.15">
      <c r="A406" s="7" t="s">
        <v>2277</v>
      </c>
      <c r="B406" s="7" t="s">
        <v>2278</v>
      </c>
      <c r="C406" s="7" t="s">
        <v>1260</v>
      </c>
      <c r="D406" s="7"/>
    </row>
    <row r="407" spans="1:4" s="3" customFormat="1" ht="34.5" x14ac:dyDescent="0.15">
      <c r="A407" s="7" t="s">
        <v>2279</v>
      </c>
      <c r="B407" s="7" t="s">
        <v>176</v>
      </c>
      <c r="C407" s="7" t="s">
        <v>1260</v>
      </c>
      <c r="D407" s="7"/>
    </row>
    <row r="408" spans="1:4" s="3" customFormat="1" x14ac:dyDescent="0.15">
      <c r="A408" s="1" t="s">
        <v>177</v>
      </c>
      <c r="B408" s="1" t="s">
        <v>178</v>
      </c>
      <c r="C408" s="1" t="s">
        <v>1717</v>
      </c>
      <c r="D408" s="7"/>
    </row>
    <row r="409" spans="1:4" s="3" customFormat="1" x14ac:dyDescent="0.15">
      <c r="A409" s="7" t="s">
        <v>2280</v>
      </c>
      <c r="B409" s="7" t="s">
        <v>179</v>
      </c>
      <c r="C409" s="7" t="s">
        <v>1260</v>
      </c>
      <c r="D409" s="7"/>
    </row>
    <row r="410" spans="1:4" s="3" customFormat="1" x14ac:dyDescent="0.15">
      <c r="A410" s="7" t="s">
        <v>180</v>
      </c>
      <c r="B410" s="7" t="s">
        <v>1132</v>
      </c>
      <c r="C410" s="7" t="s">
        <v>1277</v>
      </c>
      <c r="D410" s="7"/>
    </row>
    <row r="411" spans="1:4" s="3" customFormat="1" ht="69" x14ac:dyDescent="0.15">
      <c r="A411" s="7" t="s">
        <v>2281</v>
      </c>
      <c r="B411" s="7" t="s">
        <v>2529</v>
      </c>
      <c r="C411" s="7" t="s">
        <v>286</v>
      </c>
      <c r="D411" s="32"/>
    </row>
    <row r="412" spans="1:4" s="3" customFormat="1" x14ac:dyDescent="0.15">
      <c r="A412" s="7" t="s">
        <v>181</v>
      </c>
      <c r="B412" s="7"/>
      <c r="C412" s="7" t="s">
        <v>182</v>
      </c>
      <c r="D412" s="7"/>
    </row>
    <row r="413" spans="1:4" s="3" customFormat="1" x14ac:dyDescent="0.15">
      <c r="A413" s="7" t="s">
        <v>2564</v>
      </c>
      <c r="B413" s="7" t="s">
        <v>2565</v>
      </c>
      <c r="C413" s="7" t="s">
        <v>2566</v>
      </c>
      <c r="D413" s="7"/>
    </row>
    <row r="414" spans="1:4" s="3" customFormat="1" x14ac:dyDescent="0.15">
      <c r="A414" s="7" t="s">
        <v>183</v>
      </c>
      <c r="B414" s="7" t="s">
        <v>184</v>
      </c>
      <c r="C414" s="7" t="s">
        <v>1260</v>
      </c>
      <c r="D414" s="7"/>
    </row>
    <row r="415" spans="1:4" s="3" customFormat="1" x14ac:dyDescent="0.15">
      <c r="A415" s="7" t="s">
        <v>185</v>
      </c>
      <c r="B415" s="7" t="s">
        <v>186</v>
      </c>
      <c r="C415" s="7" t="s">
        <v>187</v>
      </c>
      <c r="D415" s="7"/>
    </row>
    <row r="416" spans="1:4" s="3" customFormat="1" x14ac:dyDescent="0.15">
      <c r="A416" s="7" t="s">
        <v>188</v>
      </c>
      <c r="B416" s="7" t="s">
        <v>1132</v>
      </c>
      <c r="C416" s="7" t="s">
        <v>1300</v>
      </c>
      <c r="D416" s="7"/>
    </row>
    <row r="417" spans="1:4" s="3" customFormat="1" x14ac:dyDescent="0.15">
      <c r="A417" s="7" t="s">
        <v>189</v>
      </c>
      <c r="B417" s="7" t="s">
        <v>1132</v>
      </c>
      <c r="C417" s="7" t="s">
        <v>190</v>
      </c>
      <c r="D417" s="7" t="s">
        <v>1695</v>
      </c>
    </row>
    <row r="418" spans="1:4" s="3" customFormat="1" x14ac:dyDescent="0.15">
      <c r="A418" s="7" t="s">
        <v>191</v>
      </c>
      <c r="B418" s="7" t="s">
        <v>192</v>
      </c>
      <c r="C418" s="7" t="s">
        <v>1260</v>
      </c>
      <c r="D418" s="7"/>
    </row>
    <row r="419" spans="1:4" s="3" customFormat="1" x14ac:dyDescent="0.15">
      <c r="A419" s="7" t="s">
        <v>2282</v>
      </c>
      <c r="B419" s="7" t="s">
        <v>1132</v>
      </c>
      <c r="C419" s="7" t="s">
        <v>1260</v>
      </c>
      <c r="D419" s="7"/>
    </row>
    <row r="420" spans="1:4" s="3" customFormat="1" x14ac:dyDescent="0.15">
      <c r="A420" s="7" t="s">
        <v>193</v>
      </c>
      <c r="B420" s="7" t="s">
        <v>194</v>
      </c>
      <c r="C420" s="7" t="s">
        <v>195</v>
      </c>
      <c r="D420" s="7"/>
    </row>
    <row r="421" spans="1:4" s="3" customFormat="1" x14ac:dyDescent="0.15">
      <c r="A421" s="7" t="s">
        <v>2283</v>
      </c>
      <c r="B421" s="7" t="s">
        <v>196</v>
      </c>
      <c r="C421" s="7" t="s">
        <v>1260</v>
      </c>
      <c r="D421" s="7"/>
    </row>
    <row r="422" spans="1:4" s="3" customFormat="1" x14ac:dyDescent="0.15">
      <c r="A422" s="7" t="s">
        <v>197</v>
      </c>
      <c r="B422" s="7" t="s">
        <v>198</v>
      </c>
      <c r="C422" s="7" t="s">
        <v>1260</v>
      </c>
      <c r="D422" s="7"/>
    </row>
    <row r="423" spans="1:4" s="3" customFormat="1" x14ac:dyDescent="0.15">
      <c r="A423" s="7" t="s">
        <v>199</v>
      </c>
      <c r="B423" s="7" t="s">
        <v>200</v>
      </c>
      <c r="C423" s="7" t="s">
        <v>1260</v>
      </c>
      <c r="D423" s="7"/>
    </row>
    <row r="424" spans="1:4" s="3" customFormat="1" x14ac:dyDescent="0.15">
      <c r="A424" s="7" t="s">
        <v>201</v>
      </c>
      <c r="B424" s="7" t="s">
        <v>202</v>
      </c>
      <c r="C424" s="7" t="s">
        <v>1260</v>
      </c>
      <c r="D424" s="7"/>
    </row>
    <row r="425" spans="1:4" s="3" customFormat="1" x14ac:dyDescent="0.15">
      <c r="A425" s="7" t="s">
        <v>203</v>
      </c>
      <c r="B425" s="7" t="s">
        <v>1132</v>
      </c>
      <c r="C425" s="7" t="s">
        <v>1464</v>
      </c>
      <c r="D425" s="7"/>
    </row>
    <row r="426" spans="1:4" s="3" customFormat="1" x14ac:dyDescent="0.15">
      <c r="A426" s="7" t="s">
        <v>204</v>
      </c>
      <c r="B426" s="7" t="s">
        <v>1132</v>
      </c>
      <c r="C426" s="7" t="s">
        <v>1717</v>
      </c>
      <c r="D426" s="7"/>
    </row>
    <row r="427" spans="1:4" s="3" customFormat="1" x14ac:dyDescent="0.15">
      <c r="A427" s="7" t="s">
        <v>2284</v>
      </c>
      <c r="B427" s="7" t="s">
        <v>205</v>
      </c>
      <c r="C427" s="7" t="s">
        <v>1830</v>
      </c>
      <c r="D427" s="7"/>
    </row>
    <row r="428" spans="1:4" s="3" customFormat="1" x14ac:dyDescent="0.15">
      <c r="A428" s="7" t="s">
        <v>206</v>
      </c>
      <c r="B428" s="7"/>
      <c r="C428" s="7" t="s">
        <v>1717</v>
      </c>
      <c r="D428" s="7"/>
    </row>
    <row r="429" spans="1:4" s="3" customFormat="1" x14ac:dyDescent="0.15">
      <c r="A429" s="7" t="s">
        <v>207</v>
      </c>
      <c r="B429" s="7"/>
      <c r="C429" s="7" t="s">
        <v>1260</v>
      </c>
      <c r="D429" s="7"/>
    </row>
    <row r="430" spans="1:4" s="3" customFormat="1" ht="69" x14ac:dyDescent="0.15">
      <c r="A430" s="7" t="s">
        <v>2285</v>
      </c>
      <c r="B430" s="7" t="s">
        <v>2286</v>
      </c>
      <c r="C430" s="7" t="s">
        <v>1260</v>
      </c>
      <c r="D430" s="7"/>
    </row>
    <row r="431" spans="1:4" s="3" customFormat="1" x14ac:dyDescent="0.15">
      <c r="A431" s="1" t="s">
        <v>208</v>
      </c>
      <c r="B431" s="1"/>
      <c r="C431" s="1" t="s">
        <v>1260</v>
      </c>
      <c r="D431" s="1"/>
    </row>
    <row r="432" spans="1:4" s="3" customFormat="1" x14ac:dyDescent="0.15">
      <c r="A432" s="7" t="s">
        <v>1447</v>
      </c>
      <c r="B432" s="7" t="s">
        <v>1132</v>
      </c>
      <c r="C432" s="7" t="s">
        <v>1405</v>
      </c>
      <c r="D432" s="7" t="s">
        <v>1700</v>
      </c>
    </row>
    <row r="433" spans="1:4" s="3" customFormat="1" x14ac:dyDescent="0.15">
      <c r="A433" s="7" t="s">
        <v>2287</v>
      </c>
      <c r="B433" s="7" t="s">
        <v>2726</v>
      </c>
      <c r="C433" s="7" t="s">
        <v>1260</v>
      </c>
      <c r="D433" s="7"/>
    </row>
    <row r="434" spans="1:4" s="3" customFormat="1" x14ac:dyDescent="0.15">
      <c r="A434" s="7" t="s">
        <v>2288</v>
      </c>
      <c r="B434" s="7" t="s">
        <v>2727</v>
      </c>
      <c r="C434" s="7" t="s">
        <v>1260</v>
      </c>
      <c r="D434" s="7"/>
    </row>
    <row r="435" spans="1:4" s="3" customFormat="1" x14ac:dyDescent="0.15">
      <c r="A435" s="7" t="s">
        <v>209</v>
      </c>
      <c r="B435" s="7" t="s">
        <v>210</v>
      </c>
      <c r="C435" s="7" t="s">
        <v>211</v>
      </c>
      <c r="D435" s="7"/>
    </row>
    <row r="436" spans="1:4" s="3" customFormat="1" x14ac:dyDescent="0.15">
      <c r="A436" s="7" t="s">
        <v>212</v>
      </c>
      <c r="B436" s="7"/>
      <c r="C436" s="7" t="s">
        <v>1260</v>
      </c>
      <c r="D436" s="7"/>
    </row>
    <row r="437" spans="1:4" s="3" customFormat="1" x14ac:dyDescent="0.15">
      <c r="A437" s="7" t="s">
        <v>1805</v>
      </c>
      <c r="B437" s="7" t="s">
        <v>213</v>
      </c>
      <c r="C437" s="7" t="s">
        <v>1694</v>
      </c>
      <c r="D437" s="7"/>
    </row>
    <row r="438" spans="1:4" s="3" customFormat="1" ht="34.5" x14ac:dyDescent="0.15">
      <c r="A438" s="7" t="s">
        <v>2654</v>
      </c>
      <c r="B438" s="59" t="s">
        <v>2655</v>
      </c>
      <c r="C438" s="7" t="s">
        <v>1260</v>
      </c>
      <c r="D438" s="7"/>
    </row>
    <row r="439" spans="1:4" s="3" customFormat="1" x14ac:dyDescent="0.15">
      <c r="A439" s="7" t="s">
        <v>214</v>
      </c>
      <c r="B439" s="7" t="s">
        <v>215</v>
      </c>
      <c r="C439" s="7" t="s">
        <v>1260</v>
      </c>
      <c r="D439" s="7"/>
    </row>
    <row r="440" spans="1:4" s="3" customFormat="1" x14ac:dyDescent="0.15">
      <c r="A440" s="7" t="s">
        <v>216</v>
      </c>
      <c r="B440" s="7" t="s">
        <v>217</v>
      </c>
      <c r="C440" s="7" t="s">
        <v>1267</v>
      </c>
      <c r="D440" s="7"/>
    </row>
    <row r="441" spans="1:4" s="3" customFormat="1" x14ac:dyDescent="0.15">
      <c r="A441" s="7" t="s">
        <v>1452</v>
      </c>
      <c r="B441" s="7" t="s">
        <v>1132</v>
      </c>
      <c r="C441" s="7" t="s">
        <v>1257</v>
      </c>
      <c r="D441" s="7" t="s">
        <v>1700</v>
      </c>
    </row>
    <row r="442" spans="1:4" s="3" customFormat="1" x14ac:dyDescent="0.15">
      <c r="A442" s="7" t="s">
        <v>218</v>
      </c>
      <c r="B442" s="7" t="s">
        <v>219</v>
      </c>
      <c r="C442" s="7" t="s">
        <v>1260</v>
      </c>
      <c r="D442" s="7"/>
    </row>
    <row r="443" spans="1:4" s="3" customFormat="1" x14ac:dyDescent="0.15">
      <c r="A443" s="7" t="s">
        <v>220</v>
      </c>
      <c r="B443" s="7" t="s">
        <v>1132</v>
      </c>
      <c r="C443" s="7" t="s">
        <v>1257</v>
      </c>
      <c r="D443" s="7"/>
    </row>
    <row r="444" spans="1:4" s="3" customFormat="1" x14ac:dyDescent="0.15">
      <c r="A444" s="7" t="s">
        <v>2289</v>
      </c>
      <c r="B444" s="7" t="s">
        <v>221</v>
      </c>
      <c r="C444" s="7" t="s">
        <v>1260</v>
      </c>
      <c r="D444" s="7" t="s">
        <v>2628</v>
      </c>
    </row>
    <row r="445" spans="1:4" s="3" customFormat="1" x14ac:dyDescent="0.15">
      <c r="A445" s="7" t="s">
        <v>222</v>
      </c>
      <c r="B445" s="7"/>
      <c r="C445" s="7" t="s">
        <v>1260</v>
      </c>
      <c r="D445" s="7"/>
    </row>
    <row r="446" spans="1:4" s="3" customFormat="1" x14ac:dyDescent="0.15">
      <c r="A446" s="7" t="s">
        <v>1456</v>
      </c>
      <c r="B446" s="7" t="s">
        <v>2290</v>
      </c>
      <c r="C446" s="7" t="s">
        <v>1260</v>
      </c>
      <c r="D446" s="7"/>
    </row>
    <row r="447" spans="1:4" s="3" customFormat="1" ht="51.75" x14ac:dyDescent="0.15">
      <c r="A447" s="7" t="s">
        <v>1457</v>
      </c>
      <c r="B447" s="7" t="s">
        <v>2291</v>
      </c>
      <c r="C447" s="7" t="s">
        <v>1257</v>
      </c>
      <c r="D447" s="7" t="s">
        <v>287</v>
      </c>
    </row>
    <row r="448" spans="1:4" s="3" customFormat="1" x14ac:dyDescent="0.15">
      <c r="A448" s="7" t="s">
        <v>2292</v>
      </c>
      <c r="B448" s="7"/>
      <c r="C448" s="7" t="s">
        <v>1405</v>
      </c>
      <c r="D448" s="7" t="s">
        <v>842</v>
      </c>
    </row>
    <row r="449" spans="1:4" s="3" customFormat="1" x14ac:dyDescent="0.15">
      <c r="A449" s="7" t="s">
        <v>223</v>
      </c>
      <c r="B449" s="7" t="s">
        <v>224</v>
      </c>
      <c r="C449" s="7" t="s">
        <v>1269</v>
      </c>
      <c r="D449" s="7"/>
    </row>
    <row r="450" spans="1:4" s="3" customFormat="1" x14ac:dyDescent="0.15">
      <c r="A450" s="7" t="s">
        <v>225</v>
      </c>
      <c r="B450" s="7" t="s">
        <v>226</v>
      </c>
      <c r="C450" s="7" t="s">
        <v>1260</v>
      </c>
      <c r="D450" s="7"/>
    </row>
    <row r="451" spans="1:4" s="3" customFormat="1" x14ac:dyDescent="0.15">
      <c r="A451" s="1" t="s">
        <v>2293</v>
      </c>
      <c r="B451" s="1" t="s">
        <v>2294</v>
      </c>
      <c r="C451" s="1" t="s">
        <v>2295</v>
      </c>
      <c r="D451" s="1"/>
    </row>
    <row r="452" spans="1:4" s="3" customFormat="1" ht="34.5" x14ac:dyDescent="0.15">
      <c r="A452" s="7" t="s">
        <v>1474</v>
      </c>
      <c r="B452" s="7" t="s">
        <v>2296</v>
      </c>
      <c r="C452" s="7" t="s">
        <v>1405</v>
      </c>
      <c r="D452" s="7"/>
    </row>
    <row r="453" spans="1:4" s="3" customFormat="1" x14ac:dyDescent="0.15">
      <c r="A453" s="7" t="s">
        <v>227</v>
      </c>
      <c r="B453" s="7" t="s">
        <v>228</v>
      </c>
      <c r="C453" s="7" t="s">
        <v>1292</v>
      </c>
      <c r="D453" s="7"/>
    </row>
    <row r="454" spans="1:4" s="3" customFormat="1" x14ac:dyDescent="0.15">
      <c r="A454" s="7" t="s">
        <v>229</v>
      </c>
      <c r="B454" s="7" t="s">
        <v>1132</v>
      </c>
      <c r="C454" s="7" t="s">
        <v>230</v>
      </c>
      <c r="D454" s="7"/>
    </row>
    <row r="455" spans="1:4" s="3" customFormat="1" ht="34.5" x14ac:dyDescent="0.15">
      <c r="A455" s="7" t="s">
        <v>2297</v>
      </c>
      <c r="B455" s="7" t="s">
        <v>2298</v>
      </c>
      <c r="C455" s="7" t="s">
        <v>1160</v>
      </c>
      <c r="D455" s="7"/>
    </row>
    <row r="456" spans="1:4" s="3" customFormat="1" x14ac:dyDescent="0.15">
      <c r="A456" s="33" t="s">
        <v>2299</v>
      </c>
      <c r="B456" s="1" t="s">
        <v>2300</v>
      </c>
      <c r="C456" s="7" t="s">
        <v>1162</v>
      </c>
      <c r="D456" s="7"/>
    </row>
    <row r="457" spans="1:4" s="3" customFormat="1" x14ac:dyDescent="0.15">
      <c r="A457" s="7" t="s">
        <v>231</v>
      </c>
      <c r="B457" s="7" t="s">
        <v>232</v>
      </c>
      <c r="C457" s="7" t="s">
        <v>1325</v>
      </c>
      <c r="D457" s="7"/>
    </row>
    <row r="458" spans="1:4" s="3" customFormat="1" x14ac:dyDescent="0.15">
      <c r="A458" s="7" t="s">
        <v>2301</v>
      </c>
      <c r="B458" s="7" t="s">
        <v>2728</v>
      </c>
      <c r="C458" s="7" t="s">
        <v>1257</v>
      </c>
      <c r="D458" s="7" t="s">
        <v>1700</v>
      </c>
    </row>
    <row r="459" spans="1:4" s="3" customFormat="1" x14ac:dyDescent="0.15">
      <c r="A459" s="7" t="s">
        <v>233</v>
      </c>
      <c r="B459" s="7"/>
      <c r="C459" s="7" t="s">
        <v>1405</v>
      </c>
      <c r="D459" s="7"/>
    </row>
    <row r="460" spans="1:4" s="3" customFormat="1" x14ac:dyDescent="0.15">
      <c r="A460" s="7" t="s">
        <v>234</v>
      </c>
      <c r="B460" s="7" t="s">
        <v>235</v>
      </c>
      <c r="C460" s="7" t="s">
        <v>1260</v>
      </c>
      <c r="D460" s="7"/>
    </row>
    <row r="461" spans="1:4" s="3" customFormat="1" x14ac:dyDescent="0.15">
      <c r="A461" s="7" t="s">
        <v>236</v>
      </c>
      <c r="B461" s="7" t="s">
        <v>237</v>
      </c>
      <c r="C461" s="7" t="s">
        <v>1328</v>
      </c>
      <c r="D461" s="7"/>
    </row>
    <row r="462" spans="1:4" s="3" customFormat="1" ht="34.5" x14ac:dyDescent="0.15">
      <c r="A462" s="7" t="s">
        <v>2302</v>
      </c>
      <c r="B462" s="7" t="s">
        <v>238</v>
      </c>
      <c r="C462" s="7" t="s">
        <v>2729</v>
      </c>
      <c r="D462" s="7"/>
    </row>
    <row r="463" spans="1:4" s="3" customFormat="1" x14ac:dyDescent="0.15">
      <c r="A463" s="7" t="s">
        <v>239</v>
      </c>
      <c r="B463" s="7" t="s">
        <v>240</v>
      </c>
      <c r="C463" s="7" t="s">
        <v>241</v>
      </c>
      <c r="D463" s="7"/>
    </row>
    <row r="464" spans="1:4" s="3" customFormat="1" ht="34.5" x14ac:dyDescent="0.15">
      <c r="A464" s="7" t="s">
        <v>2303</v>
      </c>
      <c r="B464" s="1" t="s">
        <v>2304</v>
      </c>
      <c r="C464" s="7" t="s">
        <v>1161</v>
      </c>
      <c r="D464" s="7"/>
    </row>
    <row r="465" spans="1:4" s="3" customFormat="1" x14ac:dyDescent="0.15">
      <c r="A465" s="7" t="s">
        <v>242</v>
      </c>
      <c r="B465" s="7" t="s">
        <v>1132</v>
      </c>
      <c r="C465" s="7" t="s">
        <v>243</v>
      </c>
      <c r="D465" s="7"/>
    </row>
    <row r="466" spans="1:4" s="3" customFormat="1" x14ac:dyDescent="0.15">
      <c r="A466" s="7" t="s">
        <v>2305</v>
      </c>
      <c r="B466" s="7"/>
      <c r="C466" s="7" t="s">
        <v>1325</v>
      </c>
      <c r="D466" s="7"/>
    </row>
    <row r="467" spans="1:4" s="3" customFormat="1" x14ac:dyDescent="0.15">
      <c r="A467" s="7" t="s">
        <v>244</v>
      </c>
      <c r="B467" s="7"/>
      <c r="C467" s="7" t="s">
        <v>1260</v>
      </c>
      <c r="D467" s="7"/>
    </row>
    <row r="468" spans="1:4" s="3" customFormat="1" x14ac:dyDescent="0.15">
      <c r="A468" s="7" t="s">
        <v>245</v>
      </c>
      <c r="B468" s="7" t="s">
        <v>1132</v>
      </c>
      <c r="C468" s="7" t="s">
        <v>1260</v>
      </c>
      <c r="D468" s="7"/>
    </row>
    <row r="469" spans="1:4" s="3" customFormat="1" x14ac:dyDescent="0.15">
      <c r="A469" s="7" t="s">
        <v>246</v>
      </c>
      <c r="B469" s="7" t="s">
        <v>247</v>
      </c>
      <c r="C469" s="7" t="s">
        <v>1260</v>
      </c>
      <c r="D469" s="7"/>
    </row>
    <row r="470" spans="1:4" s="3" customFormat="1" x14ac:dyDescent="0.15">
      <c r="A470" s="7" t="s">
        <v>248</v>
      </c>
      <c r="B470" s="7" t="s">
        <v>249</v>
      </c>
      <c r="C470" s="7" t="s">
        <v>1260</v>
      </c>
      <c r="D470" s="7"/>
    </row>
    <row r="471" spans="1:4" s="3" customFormat="1" x14ac:dyDescent="0.15">
      <c r="A471" s="1" t="s">
        <v>250</v>
      </c>
      <c r="B471" s="1" t="s">
        <v>251</v>
      </c>
      <c r="C471" s="1" t="s">
        <v>1751</v>
      </c>
      <c r="D471" s="7"/>
    </row>
    <row r="472" spans="1:4" s="3" customFormat="1" ht="34.5" x14ac:dyDescent="0.15">
      <c r="A472" s="1" t="s">
        <v>602</v>
      </c>
      <c r="B472" s="1" t="s">
        <v>2306</v>
      </c>
      <c r="C472" s="1" t="s">
        <v>2307</v>
      </c>
      <c r="D472" s="7"/>
    </row>
    <row r="473" spans="1:4" s="3" customFormat="1" x14ac:dyDescent="0.15">
      <c r="A473" s="7" t="s">
        <v>252</v>
      </c>
      <c r="B473" s="7"/>
      <c r="C473" s="7" t="s">
        <v>253</v>
      </c>
      <c r="D473" s="7"/>
    </row>
    <row r="474" spans="1:4" s="3" customFormat="1" x14ac:dyDescent="0.15">
      <c r="A474" s="7" t="s">
        <v>254</v>
      </c>
      <c r="B474" s="7" t="s">
        <v>255</v>
      </c>
      <c r="C474" s="7" t="s">
        <v>1260</v>
      </c>
      <c r="D474" s="7"/>
    </row>
    <row r="475" spans="1:4" s="3" customFormat="1" x14ac:dyDescent="0.15">
      <c r="A475" s="7" t="s">
        <v>1350</v>
      </c>
      <c r="B475" s="7" t="s">
        <v>2308</v>
      </c>
      <c r="C475" s="7" t="s">
        <v>288</v>
      </c>
      <c r="D475" s="7"/>
    </row>
    <row r="476" spans="1:4" s="3" customFormat="1" ht="34.5" x14ac:dyDescent="0.15">
      <c r="A476" s="7" t="s">
        <v>2309</v>
      </c>
      <c r="B476" s="7" t="s">
        <v>256</v>
      </c>
      <c r="C476" s="7" t="s">
        <v>1717</v>
      </c>
      <c r="D476" s="7"/>
    </row>
    <row r="477" spans="1:4" s="3" customFormat="1" x14ac:dyDescent="0.15">
      <c r="A477" s="7" t="s">
        <v>257</v>
      </c>
      <c r="B477" s="7" t="s">
        <v>1132</v>
      </c>
      <c r="C477" s="7" t="s">
        <v>1260</v>
      </c>
      <c r="D477" s="7"/>
    </row>
    <row r="478" spans="1:4" s="3" customFormat="1" x14ac:dyDescent="0.15">
      <c r="A478" s="7" t="s">
        <v>258</v>
      </c>
      <c r="B478" s="7" t="s">
        <v>2665</v>
      </c>
      <c r="C478" s="7" t="s">
        <v>2666</v>
      </c>
      <c r="D478" s="7"/>
    </row>
    <row r="479" spans="1:4" s="3" customFormat="1" x14ac:dyDescent="0.15">
      <c r="A479" s="7" t="s">
        <v>259</v>
      </c>
      <c r="B479" s="7" t="s">
        <v>260</v>
      </c>
      <c r="C479" s="7" t="s">
        <v>1541</v>
      </c>
      <c r="D479" s="7"/>
    </row>
    <row r="480" spans="1:4" s="3" customFormat="1" x14ac:dyDescent="0.15">
      <c r="A480" s="7" t="s">
        <v>2656</v>
      </c>
      <c r="B480" s="59" t="s">
        <v>2657</v>
      </c>
      <c r="C480" s="7" t="s">
        <v>2658</v>
      </c>
      <c r="D480" s="7"/>
    </row>
    <row r="481" spans="1:4" s="3" customFormat="1" x14ac:dyDescent="0.15">
      <c r="A481" s="7" t="s">
        <v>261</v>
      </c>
      <c r="B481" s="7"/>
      <c r="C481" s="7" t="s">
        <v>1830</v>
      </c>
      <c r="D481" s="7"/>
    </row>
    <row r="482" spans="1:4" s="3" customFormat="1" x14ac:dyDescent="0.15">
      <c r="A482" s="7" t="s">
        <v>1490</v>
      </c>
      <c r="B482" s="7" t="s">
        <v>2310</v>
      </c>
      <c r="C482" s="7" t="s">
        <v>289</v>
      </c>
      <c r="D482" s="32"/>
    </row>
    <row r="483" spans="1:4" s="3" customFormat="1" x14ac:dyDescent="0.15">
      <c r="A483" s="7" t="s">
        <v>367</v>
      </c>
      <c r="B483" s="7" t="s">
        <v>368</v>
      </c>
      <c r="C483" s="7" t="s">
        <v>1257</v>
      </c>
      <c r="D483" s="7"/>
    </row>
    <row r="484" spans="1:4" s="3" customFormat="1" x14ac:dyDescent="0.15">
      <c r="A484" s="7" t="s">
        <v>1491</v>
      </c>
      <c r="B484" s="7" t="s">
        <v>1132</v>
      </c>
      <c r="C484" s="7" t="s">
        <v>1257</v>
      </c>
      <c r="D484" s="7" t="s">
        <v>1821</v>
      </c>
    </row>
    <row r="485" spans="1:4" s="3" customFormat="1" x14ac:dyDescent="0.15">
      <c r="A485" s="7" t="s">
        <v>369</v>
      </c>
      <c r="B485" s="7" t="s">
        <v>370</v>
      </c>
      <c r="C485" s="7" t="s">
        <v>1260</v>
      </c>
      <c r="D485" s="7"/>
    </row>
    <row r="486" spans="1:4" s="3" customFormat="1" x14ac:dyDescent="0.15">
      <c r="A486" s="7" t="s">
        <v>371</v>
      </c>
      <c r="B486" s="7" t="s">
        <v>372</v>
      </c>
      <c r="C486" s="7" t="s">
        <v>1260</v>
      </c>
      <c r="D486" s="7"/>
    </row>
    <row r="487" spans="1:4" s="3" customFormat="1" x14ac:dyDescent="0.15">
      <c r="A487" s="7" t="s">
        <v>373</v>
      </c>
      <c r="B487" s="7" t="s">
        <v>1132</v>
      </c>
      <c r="C487" s="7" t="s">
        <v>1260</v>
      </c>
      <c r="D487" s="7"/>
    </row>
    <row r="488" spans="1:4" s="3" customFormat="1" ht="34.5" x14ac:dyDescent="0.15">
      <c r="A488" s="7" t="s">
        <v>2311</v>
      </c>
      <c r="B488" s="7" t="s">
        <v>374</v>
      </c>
      <c r="C488" s="7" t="s">
        <v>375</v>
      </c>
      <c r="D488" s="7"/>
    </row>
    <row r="489" spans="1:4" s="3" customFormat="1" x14ac:dyDescent="0.15">
      <c r="A489" s="7" t="s">
        <v>376</v>
      </c>
      <c r="B489" s="7" t="s">
        <v>377</v>
      </c>
      <c r="C489" s="7" t="s">
        <v>378</v>
      </c>
      <c r="D489" s="7"/>
    </row>
    <row r="490" spans="1:4" s="3" customFormat="1" x14ac:dyDescent="0.15">
      <c r="A490" s="7" t="s">
        <v>379</v>
      </c>
      <c r="B490" s="7" t="s">
        <v>1132</v>
      </c>
      <c r="C490" s="7" t="s">
        <v>1260</v>
      </c>
      <c r="D490" s="7"/>
    </row>
    <row r="491" spans="1:4" s="3" customFormat="1" ht="34.5" x14ac:dyDescent="0.15">
      <c r="A491" s="7" t="s">
        <v>380</v>
      </c>
      <c r="B491" s="7" t="s">
        <v>381</v>
      </c>
      <c r="C491" s="7" t="s">
        <v>2474</v>
      </c>
      <c r="D491" s="7"/>
    </row>
    <row r="492" spans="1:4" s="3" customFormat="1" x14ac:dyDescent="0.15">
      <c r="A492" s="7" t="s">
        <v>382</v>
      </c>
      <c r="B492" s="7" t="s">
        <v>1132</v>
      </c>
      <c r="C492" s="7" t="s">
        <v>1257</v>
      </c>
      <c r="D492" s="7"/>
    </row>
    <row r="493" spans="1:4" s="3" customFormat="1" x14ac:dyDescent="0.15">
      <c r="A493" s="7" t="s">
        <v>383</v>
      </c>
      <c r="B493" s="7"/>
      <c r="C493" s="7" t="s">
        <v>1260</v>
      </c>
      <c r="D493" s="7"/>
    </row>
    <row r="494" spans="1:4" s="3" customFormat="1" x14ac:dyDescent="0.15">
      <c r="A494" s="7" t="s">
        <v>384</v>
      </c>
      <c r="B494" s="7" t="s">
        <v>1132</v>
      </c>
      <c r="C494" s="7" t="s">
        <v>385</v>
      </c>
      <c r="D494" s="7"/>
    </row>
    <row r="495" spans="1:4" s="3" customFormat="1" x14ac:dyDescent="0.15">
      <c r="A495" s="7" t="s">
        <v>2312</v>
      </c>
      <c r="B495" s="7" t="s">
        <v>386</v>
      </c>
      <c r="C495" s="7" t="s">
        <v>1257</v>
      </c>
      <c r="D495" s="7" t="s">
        <v>387</v>
      </c>
    </row>
    <row r="496" spans="1:4" s="3" customFormat="1" x14ac:dyDescent="0.15">
      <c r="A496" s="7" t="s">
        <v>2313</v>
      </c>
      <c r="B496" s="7" t="s">
        <v>2730</v>
      </c>
      <c r="C496" s="7" t="s">
        <v>388</v>
      </c>
      <c r="D496" s="7"/>
    </row>
    <row r="497" spans="1:4" s="3" customFormat="1" ht="34.5" x14ac:dyDescent="0.15">
      <c r="A497" s="7" t="s">
        <v>2314</v>
      </c>
      <c r="B497" s="7" t="s">
        <v>389</v>
      </c>
      <c r="C497" s="7" t="s">
        <v>390</v>
      </c>
      <c r="D497" s="7"/>
    </row>
    <row r="498" spans="1:4" s="3" customFormat="1" x14ac:dyDescent="0.15">
      <c r="A498" s="7" t="s">
        <v>603</v>
      </c>
      <c r="B498" s="7" t="s">
        <v>2315</v>
      </c>
      <c r="C498" s="7" t="s">
        <v>604</v>
      </c>
      <c r="D498" s="7"/>
    </row>
    <row r="499" spans="1:4" s="3" customFormat="1" x14ac:dyDescent="0.15">
      <c r="A499" s="7" t="s">
        <v>391</v>
      </c>
      <c r="B499" s="7" t="s">
        <v>392</v>
      </c>
      <c r="C499" s="7" t="s">
        <v>1351</v>
      </c>
      <c r="D499" s="7"/>
    </row>
    <row r="500" spans="1:4" s="3" customFormat="1" x14ac:dyDescent="0.15">
      <c r="A500" s="1" t="s">
        <v>2316</v>
      </c>
      <c r="B500" s="1" t="s">
        <v>2317</v>
      </c>
      <c r="C500" s="1" t="s">
        <v>1255</v>
      </c>
      <c r="D500" s="1"/>
    </row>
    <row r="501" spans="1:4" s="3" customFormat="1" x14ac:dyDescent="0.15">
      <c r="A501" s="7" t="s">
        <v>393</v>
      </c>
      <c r="B501" s="7" t="s">
        <v>394</v>
      </c>
      <c r="C501" s="7" t="s">
        <v>395</v>
      </c>
      <c r="D501" s="7"/>
    </row>
    <row r="502" spans="1:4" s="3" customFormat="1" x14ac:dyDescent="0.15">
      <c r="A502" s="7" t="s">
        <v>396</v>
      </c>
      <c r="B502" s="7" t="s">
        <v>397</v>
      </c>
      <c r="C502" s="7" t="s">
        <v>1325</v>
      </c>
      <c r="D502" s="7"/>
    </row>
    <row r="503" spans="1:4" s="3" customFormat="1" x14ac:dyDescent="0.15">
      <c r="A503" s="7" t="s">
        <v>398</v>
      </c>
      <c r="B503" s="7" t="s">
        <v>399</v>
      </c>
      <c r="C503" s="7" t="s">
        <v>400</v>
      </c>
      <c r="D503" s="7"/>
    </row>
    <row r="504" spans="1:4" s="3" customFormat="1" x14ac:dyDescent="0.15">
      <c r="A504" s="7" t="s">
        <v>401</v>
      </c>
      <c r="B504" s="7" t="s">
        <v>1132</v>
      </c>
      <c r="C504" s="7" t="s">
        <v>1499</v>
      </c>
      <c r="D504" s="7"/>
    </row>
    <row r="505" spans="1:4" s="3" customFormat="1" ht="34.5" x14ac:dyDescent="0.15">
      <c r="A505" s="7" t="s">
        <v>2318</v>
      </c>
      <c r="B505" s="7" t="s">
        <v>402</v>
      </c>
      <c r="C505" s="7" t="s">
        <v>1260</v>
      </c>
      <c r="D505" s="7"/>
    </row>
    <row r="506" spans="1:4" s="3" customFormat="1" x14ac:dyDescent="0.15">
      <c r="A506" s="7" t="s">
        <v>403</v>
      </c>
      <c r="B506" s="7" t="s">
        <v>1132</v>
      </c>
      <c r="C506" s="7" t="s">
        <v>1751</v>
      </c>
      <c r="D506" s="7"/>
    </row>
    <row r="507" spans="1:4" s="3" customFormat="1" x14ac:dyDescent="0.15">
      <c r="A507" s="7" t="s">
        <v>404</v>
      </c>
      <c r="B507" s="7" t="s">
        <v>1132</v>
      </c>
      <c r="C507" s="7" t="s">
        <v>1830</v>
      </c>
      <c r="D507" s="7"/>
    </row>
    <row r="508" spans="1:4" s="3" customFormat="1" x14ac:dyDescent="0.15">
      <c r="A508" s="7" t="s">
        <v>1327</v>
      </c>
      <c r="B508" s="7"/>
      <c r="C508" s="7" t="s">
        <v>1538</v>
      </c>
      <c r="D508" s="7" t="s">
        <v>405</v>
      </c>
    </row>
    <row r="509" spans="1:4" s="3" customFormat="1" x14ac:dyDescent="0.15">
      <c r="A509" s="7" t="s">
        <v>406</v>
      </c>
      <c r="B509" s="7" t="s">
        <v>407</v>
      </c>
      <c r="C509" s="7" t="s">
        <v>1260</v>
      </c>
      <c r="D509" s="7"/>
    </row>
    <row r="510" spans="1:4" s="3" customFormat="1" x14ac:dyDescent="0.15">
      <c r="A510" s="7" t="s">
        <v>408</v>
      </c>
      <c r="B510" s="7" t="s">
        <v>409</v>
      </c>
      <c r="C510" s="7" t="s">
        <v>1260</v>
      </c>
      <c r="D510" s="7"/>
    </row>
    <row r="511" spans="1:4" s="3" customFormat="1" x14ac:dyDescent="0.15">
      <c r="A511" s="1" t="s">
        <v>2319</v>
      </c>
      <c r="B511" s="1" t="s">
        <v>410</v>
      </c>
      <c r="C511" s="1" t="s">
        <v>1645</v>
      </c>
      <c r="D511" s="1"/>
    </row>
    <row r="512" spans="1:4" s="3" customFormat="1" x14ac:dyDescent="0.15">
      <c r="A512" s="7" t="s">
        <v>411</v>
      </c>
      <c r="B512" s="7" t="s">
        <v>1132</v>
      </c>
      <c r="C512" s="7" t="s">
        <v>1260</v>
      </c>
      <c r="D512" s="7"/>
    </row>
    <row r="513" spans="1:4" s="3" customFormat="1" x14ac:dyDescent="0.15">
      <c r="A513" s="7" t="s">
        <v>412</v>
      </c>
      <c r="B513" s="7" t="s">
        <v>1132</v>
      </c>
      <c r="C513" s="7" t="s">
        <v>1257</v>
      </c>
      <c r="D513" s="7"/>
    </row>
    <row r="514" spans="1:4" s="3" customFormat="1" x14ac:dyDescent="0.15">
      <c r="A514" s="1" t="s">
        <v>2320</v>
      </c>
      <c r="B514" s="1" t="s">
        <v>2321</v>
      </c>
      <c r="C514" s="1" t="s">
        <v>2322</v>
      </c>
      <c r="D514" s="1"/>
    </row>
    <row r="515" spans="1:4" s="3" customFormat="1" ht="34.5" x14ac:dyDescent="0.15">
      <c r="A515" s="1" t="s">
        <v>2680</v>
      </c>
      <c r="B515" s="1"/>
      <c r="C515" s="1" t="s">
        <v>1269</v>
      </c>
      <c r="D515" s="1"/>
    </row>
    <row r="516" spans="1:4" s="3" customFormat="1" x14ac:dyDescent="0.15">
      <c r="A516" s="7" t="s">
        <v>413</v>
      </c>
      <c r="B516" s="7" t="s">
        <v>1132</v>
      </c>
      <c r="C516" s="7" t="s">
        <v>1260</v>
      </c>
      <c r="D516" s="7"/>
    </row>
    <row r="517" spans="1:4" s="3" customFormat="1" x14ac:dyDescent="0.15">
      <c r="A517" s="7" t="s">
        <v>2617</v>
      </c>
      <c r="B517" s="7" t="s">
        <v>2618</v>
      </c>
      <c r="C517" s="7" t="s">
        <v>1325</v>
      </c>
      <c r="D517" s="7"/>
    </row>
    <row r="518" spans="1:4" s="3" customFormat="1" x14ac:dyDescent="0.15">
      <c r="A518" s="7" t="s">
        <v>414</v>
      </c>
      <c r="B518" s="7" t="s">
        <v>415</v>
      </c>
      <c r="C518" s="7" t="s">
        <v>416</v>
      </c>
      <c r="D518" s="7"/>
    </row>
    <row r="519" spans="1:4" s="3" customFormat="1" x14ac:dyDescent="0.15">
      <c r="A519" s="7" t="s">
        <v>417</v>
      </c>
      <c r="B519" s="7" t="s">
        <v>418</v>
      </c>
      <c r="C519" s="7" t="s">
        <v>1260</v>
      </c>
      <c r="D519" s="7"/>
    </row>
    <row r="520" spans="1:4" s="3" customFormat="1" x14ac:dyDescent="0.15">
      <c r="A520" s="1" t="s">
        <v>2323</v>
      </c>
      <c r="B520" s="1" t="s">
        <v>2324</v>
      </c>
      <c r="C520" s="1" t="s">
        <v>2325</v>
      </c>
      <c r="D520" s="34"/>
    </row>
    <row r="521" spans="1:4" s="3" customFormat="1" x14ac:dyDescent="0.15">
      <c r="A521" s="7" t="s">
        <v>419</v>
      </c>
      <c r="B521" s="7" t="s">
        <v>420</v>
      </c>
      <c r="C521" s="7" t="s">
        <v>1257</v>
      </c>
      <c r="D521" s="7"/>
    </row>
    <row r="522" spans="1:4" s="3" customFormat="1" x14ac:dyDescent="0.15">
      <c r="A522" s="7" t="s">
        <v>1509</v>
      </c>
      <c r="B522" s="7" t="s">
        <v>1510</v>
      </c>
      <c r="C522" s="7" t="s">
        <v>421</v>
      </c>
      <c r="D522" s="7" t="s">
        <v>1821</v>
      </c>
    </row>
    <row r="523" spans="1:4" s="3" customFormat="1" x14ac:dyDescent="0.15">
      <c r="A523" s="7" t="s">
        <v>2326</v>
      </c>
      <c r="B523" s="7" t="s">
        <v>422</v>
      </c>
      <c r="C523" s="7" t="s">
        <v>1325</v>
      </c>
      <c r="D523" s="7" t="s">
        <v>1695</v>
      </c>
    </row>
    <row r="524" spans="1:4" s="3" customFormat="1" x14ac:dyDescent="0.15">
      <c r="A524" s="7" t="s">
        <v>423</v>
      </c>
      <c r="B524" s="7" t="s">
        <v>1132</v>
      </c>
      <c r="C524" s="7" t="s">
        <v>424</v>
      </c>
      <c r="D524" s="7"/>
    </row>
    <row r="525" spans="1:4" s="3" customFormat="1" x14ac:dyDescent="0.15">
      <c r="A525" s="7" t="s">
        <v>2487</v>
      </c>
      <c r="B525" s="7" t="s">
        <v>1514</v>
      </c>
      <c r="C525" s="7" t="s">
        <v>1712</v>
      </c>
      <c r="D525" s="7" t="s">
        <v>2488</v>
      </c>
    </row>
    <row r="526" spans="1:4" s="3" customFormat="1" x14ac:dyDescent="0.15">
      <c r="A526" s="7" t="s">
        <v>425</v>
      </c>
      <c r="B526" s="7" t="s">
        <v>426</v>
      </c>
      <c r="C526" s="7" t="s">
        <v>1566</v>
      </c>
      <c r="D526" s="7"/>
    </row>
    <row r="527" spans="1:4" s="3" customFormat="1" x14ac:dyDescent="0.15">
      <c r="A527" s="7" t="s">
        <v>2327</v>
      </c>
      <c r="B527" s="7" t="s">
        <v>427</v>
      </c>
      <c r="C527" s="7" t="s">
        <v>1464</v>
      </c>
      <c r="D527" s="7"/>
    </row>
    <row r="528" spans="1:4" s="3" customFormat="1" ht="69" x14ac:dyDescent="0.15">
      <c r="A528" s="7" t="s">
        <v>2328</v>
      </c>
      <c r="B528" s="1" t="s">
        <v>1163</v>
      </c>
      <c r="C528" s="7" t="s">
        <v>1164</v>
      </c>
      <c r="D528" s="7"/>
    </row>
    <row r="529" spans="1:4" s="3" customFormat="1" ht="51.75" x14ac:dyDescent="0.15">
      <c r="A529" s="7" t="s">
        <v>428</v>
      </c>
      <c r="B529" s="7" t="s">
        <v>429</v>
      </c>
      <c r="C529" s="7" t="s">
        <v>2590</v>
      </c>
      <c r="D529" s="7"/>
    </row>
    <row r="530" spans="1:4" s="3" customFormat="1" x14ac:dyDescent="0.15">
      <c r="A530" s="1" t="s">
        <v>2329</v>
      </c>
      <c r="B530" s="34"/>
      <c r="C530" s="1" t="s">
        <v>1464</v>
      </c>
      <c r="D530" s="1"/>
    </row>
    <row r="531" spans="1:4" s="3" customFormat="1" ht="34.5" x14ac:dyDescent="0.15">
      <c r="A531" s="7" t="s">
        <v>2330</v>
      </c>
      <c r="B531" s="7" t="s">
        <v>2331</v>
      </c>
      <c r="C531" s="7" t="s">
        <v>2332</v>
      </c>
      <c r="D531" s="32"/>
    </row>
    <row r="532" spans="1:4" s="3" customFormat="1" x14ac:dyDescent="0.15">
      <c r="A532" s="7" t="s">
        <v>430</v>
      </c>
      <c r="B532" s="7" t="s">
        <v>431</v>
      </c>
      <c r="C532" s="7" t="s">
        <v>1260</v>
      </c>
      <c r="D532" s="7"/>
    </row>
    <row r="533" spans="1:4" s="3" customFormat="1" x14ac:dyDescent="0.15">
      <c r="A533" s="1" t="s">
        <v>2333</v>
      </c>
      <c r="B533" s="1" t="s">
        <v>2334</v>
      </c>
      <c r="C533" s="1" t="s">
        <v>1269</v>
      </c>
      <c r="D533" s="1"/>
    </row>
    <row r="534" spans="1:4" s="3" customFormat="1" x14ac:dyDescent="0.15">
      <c r="A534" s="7" t="s">
        <v>432</v>
      </c>
      <c r="B534" s="7" t="s">
        <v>2731</v>
      </c>
      <c r="C534" s="7" t="s">
        <v>1260</v>
      </c>
      <c r="D534" s="7"/>
    </row>
    <row r="535" spans="1:4" s="3" customFormat="1" x14ac:dyDescent="0.15">
      <c r="A535" s="7" t="s">
        <v>433</v>
      </c>
      <c r="B535" s="7" t="s">
        <v>2732</v>
      </c>
      <c r="C535" s="7" t="s">
        <v>434</v>
      </c>
      <c r="D535" s="7"/>
    </row>
    <row r="536" spans="1:4" s="3" customFormat="1" x14ac:dyDescent="0.15">
      <c r="A536" s="7" t="s">
        <v>435</v>
      </c>
      <c r="B536" s="7" t="s">
        <v>436</v>
      </c>
      <c r="C536" s="7" t="s">
        <v>1260</v>
      </c>
      <c r="D536" s="7"/>
    </row>
    <row r="537" spans="1:4" s="3" customFormat="1" x14ac:dyDescent="0.15">
      <c r="A537" s="7" t="s">
        <v>2335</v>
      </c>
      <c r="B537" s="7"/>
      <c r="C537" s="7" t="s">
        <v>437</v>
      </c>
      <c r="D537" s="7" t="s">
        <v>438</v>
      </c>
    </row>
    <row r="538" spans="1:4" s="3" customFormat="1" x14ac:dyDescent="0.15">
      <c r="A538" s="7" t="s">
        <v>2336</v>
      </c>
      <c r="B538" s="7" t="s">
        <v>1132</v>
      </c>
      <c r="C538" s="7" t="s">
        <v>439</v>
      </c>
      <c r="D538" s="7" t="s">
        <v>1844</v>
      </c>
    </row>
    <row r="539" spans="1:4" s="3" customFormat="1" x14ac:dyDescent="0.15">
      <c r="A539" s="7" t="s">
        <v>605</v>
      </c>
      <c r="B539" s="7" t="s">
        <v>2337</v>
      </c>
      <c r="C539" s="7" t="s">
        <v>606</v>
      </c>
      <c r="D539" s="7"/>
    </row>
    <row r="540" spans="1:4" s="3" customFormat="1" x14ac:dyDescent="0.15">
      <c r="A540" s="7" t="s">
        <v>440</v>
      </c>
      <c r="B540" s="7" t="s">
        <v>1132</v>
      </c>
      <c r="C540" s="7" t="s">
        <v>441</v>
      </c>
      <c r="D540" s="7"/>
    </row>
    <row r="541" spans="1:4" s="3" customFormat="1" x14ac:dyDescent="0.15">
      <c r="A541" s="1" t="s">
        <v>442</v>
      </c>
      <c r="B541" s="1"/>
      <c r="C541" s="1" t="s">
        <v>1325</v>
      </c>
      <c r="D541" s="7"/>
    </row>
    <row r="542" spans="1:4" s="3" customFormat="1" ht="51.75" x14ac:dyDescent="0.15">
      <c r="A542" s="7" t="s">
        <v>2338</v>
      </c>
      <c r="B542" s="7" t="s">
        <v>2339</v>
      </c>
      <c r="C542" s="7" t="s">
        <v>1388</v>
      </c>
      <c r="D542" s="7"/>
    </row>
    <row r="543" spans="1:4" s="3" customFormat="1" x14ac:dyDescent="0.15">
      <c r="A543" s="7" t="s">
        <v>607</v>
      </c>
      <c r="B543" s="7" t="s">
        <v>2340</v>
      </c>
      <c r="C543" s="7" t="s">
        <v>604</v>
      </c>
      <c r="D543" s="7"/>
    </row>
    <row r="544" spans="1:4" s="3" customFormat="1" x14ac:dyDescent="0.15">
      <c r="A544" s="7" t="s">
        <v>2341</v>
      </c>
      <c r="B544" s="7" t="s">
        <v>443</v>
      </c>
      <c r="C544" s="7" t="s">
        <v>1277</v>
      </c>
      <c r="D544" s="7"/>
    </row>
    <row r="545" spans="1:4" s="3" customFormat="1" x14ac:dyDescent="0.15">
      <c r="A545" s="7" t="s">
        <v>2574</v>
      </c>
      <c r="B545" s="7" t="s">
        <v>2575</v>
      </c>
      <c r="C545" s="7" t="s">
        <v>1555</v>
      </c>
      <c r="D545" s="7"/>
    </row>
    <row r="546" spans="1:4" s="3" customFormat="1" x14ac:dyDescent="0.15">
      <c r="A546" s="1" t="s">
        <v>2342</v>
      </c>
      <c r="B546" s="1"/>
      <c r="C546" s="1" t="s">
        <v>1277</v>
      </c>
      <c r="D546" s="1"/>
    </row>
    <row r="547" spans="1:4" s="3" customFormat="1" x14ac:dyDescent="0.15">
      <c r="A547" s="7" t="s">
        <v>444</v>
      </c>
      <c r="B547" s="7" t="s">
        <v>445</v>
      </c>
      <c r="C547" s="7" t="s">
        <v>1260</v>
      </c>
      <c r="D547" s="7"/>
    </row>
    <row r="548" spans="1:4" s="3" customFormat="1" x14ac:dyDescent="0.15">
      <c r="A548" s="7" t="s">
        <v>446</v>
      </c>
      <c r="B548" s="7" t="s">
        <v>447</v>
      </c>
      <c r="C548" s="7" t="s">
        <v>1555</v>
      </c>
      <c r="D548" s="7"/>
    </row>
    <row r="549" spans="1:4" s="3" customFormat="1" x14ac:dyDescent="0.15">
      <c r="A549" s="7" t="s">
        <v>448</v>
      </c>
      <c r="B549" s="7" t="s">
        <v>449</v>
      </c>
      <c r="C549" s="7" t="s">
        <v>1260</v>
      </c>
      <c r="D549" s="7"/>
    </row>
    <row r="550" spans="1:4" s="3" customFormat="1" x14ac:dyDescent="0.15">
      <c r="A550" s="7" t="s">
        <v>2343</v>
      </c>
      <c r="B550" s="7" t="s">
        <v>450</v>
      </c>
      <c r="C550" s="7" t="s">
        <v>451</v>
      </c>
      <c r="D550" s="7"/>
    </row>
    <row r="551" spans="1:4" s="3" customFormat="1" ht="34.5" x14ac:dyDescent="0.15">
      <c r="A551" s="7" t="s">
        <v>2344</v>
      </c>
      <c r="B551" s="7" t="s">
        <v>1107</v>
      </c>
      <c r="C551" s="7" t="s">
        <v>1157</v>
      </c>
      <c r="D551" s="7"/>
    </row>
    <row r="552" spans="1:4" s="3" customFormat="1" x14ac:dyDescent="0.15">
      <c r="A552" s="7" t="s">
        <v>452</v>
      </c>
      <c r="B552" s="7" t="s">
        <v>1132</v>
      </c>
      <c r="C552" s="7" t="s">
        <v>1717</v>
      </c>
      <c r="D552" s="7"/>
    </row>
    <row r="553" spans="1:4" s="3" customFormat="1" x14ac:dyDescent="0.15">
      <c r="A553" s="7" t="s">
        <v>453</v>
      </c>
      <c r="B553" s="7" t="s">
        <v>1132</v>
      </c>
      <c r="C553" s="7" t="s">
        <v>454</v>
      </c>
      <c r="D553" s="7"/>
    </row>
    <row r="554" spans="1:4" s="3" customFormat="1" ht="51.75" x14ac:dyDescent="0.15">
      <c r="A554" s="7" t="s">
        <v>2345</v>
      </c>
      <c r="B554" s="7" t="s">
        <v>2346</v>
      </c>
      <c r="C554" s="7" t="s">
        <v>1277</v>
      </c>
      <c r="D554" s="7"/>
    </row>
    <row r="555" spans="1:4" s="3" customFormat="1" x14ac:dyDescent="0.15">
      <c r="A555" s="7" t="s">
        <v>455</v>
      </c>
      <c r="B555" s="7" t="s">
        <v>456</v>
      </c>
      <c r="C555" s="7" t="s">
        <v>457</v>
      </c>
      <c r="D555" s="7"/>
    </row>
    <row r="556" spans="1:4" s="3" customFormat="1" ht="34.5" x14ac:dyDescent="0.15">
      <c r="A556" s="1" t="s">
        <v>2347</v>
      </c>
      <c r="B556" s="1" t="s">
        <v>458</v>
      </c>
      <c r="C556" s="1" t="s">
        <v>459</v>
      </c>
      <c r="D556" s="1"/>
    </row>
    <row r="557" spans="1:4" s="3" customFormat="1" x14ac:dyDescent="0.15">
      <c r="A557" s="7" t="s">
        <v>460</v>
      </c>
      <c r="B557" s="7" t="s">
        <v>1132</v>
      </c>
      <c r="C557" s="7" t="s">
        <v>1269</v>
      </c>
      <c r="D557" s="7"/>
    </row>
    <row r="558" spans="1:4" s="3" customFormat="1" x14ac:dyDescent="0.15">
      <c r="A558" s="7" t="s">
        <v>461</v>
      </c>
      <c r="B558" s="7" t="s">
        <v>462</v>
      </c>
      <c r="C558" s="7" t="s">
        <v>1257</v>
      </c>
      <c r="D558" s="7"/>
    </row>
    <row r="559" spans="1:4" s="3" customFormat="1" x14ac:dyDescent="0.15">
      <c r="A559" s="7" t="s">
        <v>463</v>
      </c>
      <c r="B559" s="7" t="s">
        <v>1132</v>
      </c>
      <c r="C559" s="7" t="s">
        <v>1260</v>
      </c>
      <c r="D559" s="7"/>
    </row>
    <row r="560" spans="1:4" s="3" customFormat="1" ht="34.5" x14ac:dyDescent="0.15">
      <c r="A560" s="7" t="s">
        <v>464</v>
      </c>
      <c r="B560" s="7" t="s">
        <v>2348</v>
      </c>
      <c r="C560" s="7" t="s">
        <v>1165</v>
      </c>
      <c r="D560" s="7"/>
    </row>
    <row r="561" spans="1:4" s="3" customFormat="1" ht="51.75" x14ac:dyDescent="0.15">
      <c r="A561" s="7" t="s">
        <v>2349</v>
      </c>
      <c r="B561" s="7" t="s">
        <v>2350</v>
      </c>
      <c r="C561" s="7" t="s">
        <v>1529</v>
      </c>
      <c r="D561" s="32"/>
    </row>
    <row r="562" spans="1:4" s="3" customFormat="1" x14ac:dyDescent="0.15">
      <c r="A562" s="7" t="s">
        <v>465</v>
      </c>
      <c r="B562" s="7" t="s">
        <v>466</v>
      </c>
      <c r="C562" s="7" t="s">
        <v>1267</v>
      </c>
      <c r="D562" s="7"/>
    </row>
    <row r="563" spans="1:4" s="3" customFormat="1" x14ac:dyDescent="0.15">
      <c r="A563" s="7" t="s">
        <v>467</v>
      </c>
      <c r="B563" s="7" t="s">
        <v>1132</v>
      </c>
      <c r="C563" s="7" t="s">
        <v>1260</v>
      </c>
      <c r="D563" s="7"/>
    </row>
    <row r="564" spans="1:4" s="3" customFormat="1" x14ac:dyDescent="0.15">
      <c r="A564" s="7" t="s">
        <v>468</v>
      </c>
      <c r="B564" s="7"/>
      <c r="C564" s="7" t="s">
        <v>1260</v>
      </c>
      <c r="D564" s="7"/>
    </row>
    <row r="565" spans="1:4" s="3" customFormat="1" ht="34.5" x14ac:dyDescent="0.15">
      <c r="A565" s="7" t="s">
        <v>2351</v>
      </c>
      <c r="B565" s="7" t="s">
        <v>2352</v>
      </c>
      <c r="C565" s="7" t="s">
        <v>865</v>
      </c>
      <c r="D565" s="7"/>
    </row>
    <row r="566" spans="1:4" s="3" customFormat="1" ht="51.75" x14ac:dyDescent="0.15">
      <c r="A566" s="7" t="s">
        <v>2353</v>
      </c>
      <c r="B566" s="7" t="s">
        <v>2354</v>
      </c>
      <c r="C566" s="7" t="s">
        <v>290</v>
      </c>
      <c r="D566" s="32"/>
    </row>
    <row r="567" spans="1:4" s="3" customFormat="1" x14ac:dyDescent="0.15">
      <c r="A567" s="7" t="s">
        <v>2355</v>
      </c>
      <c r="B567" s="7" t="s">
        <v>2733</v>
      </c>
      <c r="C567" s="7" t="s">
        <v>1267</v>
      </c>
      <c r="D567" s="7"/>
    </row>
    <row r="568" spans="1:4" s="3" customFormat="1" x14ac:dyDescent="0.15">
      <c r="A568" s="7" t="s">
        <v>469</v>
      </c>
      <c r="B568" s="7" t="s">
        <v>1132</v>
      </c>
      <c r="C568" s="7" t="s">
        <v>1416</v>
      </c>
      <c r="D568" s="7"/>
    </row>
    <row r="569" spans="1:4" s="3" customFormat="1" x14ac:dyDescent="0.15">
      <c r="A569" s="1" t="s">
        <v>470</v>
      </c>
      <c r="B569" s="1" t="s">
        <v>471</v>
      </c>
      <c r="C569" s="1" t="s">
        <v>472</v>
      </c>
      <c r="D569" s="7"/>
    </row>
    <row r="570" spans="1:4" s="3" customFormat="1" x14ac:dyDescent="0.15">
      <c r="A570" s="7" t="s">
        <v>473</v>
      </c>
      <c r="B570" s="7" t="s">
        <v>2734</v>
      </c>
      <c r="C570" s="7" t="s">
        <v>1260</v>
      </c>
      <c r="D570" s="7"/>
    </row>
    <row r="571" spans="1:4" s="3" customFormat="1" x14ac:dyDescent="0.15">
      <c r="A571" s="7" t="s">
        <v>474</v>
      </c>
      <c r="B571" s="7" t="s">
        <v>2735</v>
      </c>
      <c r="C571" s="7" t="s">
        <v>1445</v>
      </c>
      <c r="D571" s="7"/>
    </row>
    <row r="572" spans="1:4" s="3" customFormat="1" x14ac:dyDescent="0.15">
      <c r="A572" s="7" t="s">
        <v>2356</v>
      </c>
      <c r="B572" s="7" t="s">
        <v>2357</v>
      </c>
      <c r="C572" s="7" t="s">
        <v>1389</v>
      </c>
      <c r="D572" s="7"/>
    </row>
    <row r="573" spans="1:4" s="3" customFormat="1" ht="34.5" x14ac:dyDescent="0.15">
      <c r="A573" s="7" t="s">
        <v>608</v>
      </c>
      <c r="B573" s="7" t="s">
        <v>2358</v>
      </c>
      <c r="C573" s="7" t="s">
        <v>1642</v>
      </c>
      <c r="D573" s="7"/>
    </row>
    <row r="574" spans="1:4" s="3" customFormat="1" x14ac:dyDescent="0.15">
      <c r="A574" s="7" t="s">
        <v>475</v>
      </c>
      <c r="B574" s="7" t="s">
        <v>476</v>
      </c>
      <c r="C574" s="7" t="s">
        <v>1260</v>
      </c>
      <c r="D574" s="7"/>
    </row>
    <row r="575" spans="1:4" s="3" customFormat="1" x14ac:dyDescent="0.15">
      <c r="A575" s="7" t="s">
        <v>477</v>
      </c>
      <c r="B575" s="7" t="s">
        <v>478</v>
      </c>
      <c r="C575" s="7" t="s">
        <v>1637</v>
      </c>
      <c r="D575" s="7"/>
    </row>
    <row r="576" spans="1:4" s="3" customFormat="1" ht="69" x14ac:dyDescent="0.15">
      <c r="A576" s="7" t="s">
        <v>2359</v>
      </c>
      <c r="B576" s="7" t="s">
        <v>843</v>
      </c>
      <c r="C576" s="7" t="s">
        <v>1277</v>
      </c>
      <c r="D576" s="7"/>
    </row>
    <row r="577" spans="1:4" s="3" customFormat="1" x14ac:dyDescent="0.15">
      <c r="A577" s="7" t="s">
        <v>479</v>
      </c>
      <c r="B577" s="7" t="s">
        <v>480</v>
      </c>
      <c r="C577" s="7" t="s">
        <v>1267</v>
      </c>
      <c r="D577" s="7"/>
    </row>
    <row r="578" spans="1:4" s="3" customFormat="1" x14ac:dyDescent="0.15">
      <c r="A578" s="7" t="s">
        <v>481</v>
      </c>
      <c r="B578" s="7"/>
      <c r="C578" s="7" t="s">
        <v>195</v>
      </c>
      <c r="D578" s="7"/>
    </row>
    <row r="579" spans="1:4" s="3" customFormat="1" x14ac:dyDescent="0.15">
      <c r="A579" s="7" t="s">
        <v>482</v>
      </c>
      <c r="B579" s="7" t="s">
        <v>483</v>
      </c>
      <c r="C579" s="7" t="s">
        <v>1325</v>
      </c>
      <c r="D579" s="7"/>
    </row>
    <row r="580" spans="1:4" s="3" customFormat="1" x14ac:dyDescent="0.15">
      <c r="A580" s="7" t="s">
        <v>484</v>
      </c>
      <c r="B580" s="7" t="s">
        <v>1132</v>
      </c>
      <c r="C580" s="7" t="s">
        <v>485</v>
      </c>
      <c r="D580" s="7"/>
    </row>
    <row r="581" spans="1:4" s="3" customFormat="1" x14ac:dyDescent="0.15">
      <c r="A581" s="33" t="s">
        <v>2360</v>
      </c>
      <c r="B581" s="1" t="s">
        <v>2361</v>
      </c>
      <c r="C581" s="7" t="s">
        <v>1643</v>
      </c>
      <c r="D581" s="7"/>
    </row>
    <row r="582" spans="1:4" s="3" customFormat="1" x14ac:dyDescent="0.15">
      <c r="A582" s="7" t="s">
        <v>486</v>
      </c>
      <c r="B582" s="7"/>
      <c r="C582" s="7" t="s">
        <v>1325</v>
      </c>
      <c r="D582" s="7"/>
    </row>
    <row r="583" spans="1:4" s="3" customFormat="1" x14ac:dyDescent="0.15">
      <c r="A583" s="7" t="s">
        <v>487</v>
      </c>
      <c r="B583" s="7" t="s">
        <v>488</v>
      </c>
      <c r="C583" s="7" t="s">
        <v>1325</v>
      </c>
      <c r="D583" s="7" t="s">
        <v>489</v>
      </c>
    </row>
    <row r="584" spans="1:4" s="3" customFormat="1" x14ac:dyDescent="0.15">
      <c r="A584" s="7" t="s">
        <v>490</v>
      </c>
      <c r="B584" s="7" t="s">
        <v>1132</v>
      </c>
      <c r="C584" s="7" t="s">
        <v>2362</v>
      </c>
      <c r="D584" s="7"/>
    </row>
    <row r="585" spans="1:4" s="3" customFormat="1" x14ac:dyDescent="0.15">
      <c r="A585" s="7" t="s">
        <v>491</v>
      </c>
      <c r="B585" s="7" t="s">
        <v>492</v>
      </c>
      <c r="C585" s="7" t="s">
        <v>1541</v>
      </c>
      <c r="D585" s="7"/>
    </row>
    <row r="586" spans="1:4" s="3" customFormat="1" x14ac:dyDescent="0.15">
      <c r="A586" s="7" t="s">
        <v>2498</v>
      </c>
      <c r="B586" s="35" t="s">
        <v>2499</v>
      </c>
      <c r="C586" s="7" t="s">
        <v>1325</v>
      </c>
      <c r="D586" s="1"/>
    </row>
    <row r="587" spans="1:4" s="3" customFormat="1" x14ac:dyDescent="0.15">
      <c r="A587" s="1" t="s">
        <v>2363</v>
      </c>
      <c r="B587" s="1" t="s">
        <v>2364</v>
      </c>
      <c r="C587" s="1" t="s">
        <v>1269</v>
      </c>
      <c r="D587" s="1"/>
    </row>
    <row r="588" spans="1:4" s="3" customFormat="1" x14ac:dyDescent="0.15">
      <c r="A588" s="7" t="s">
        <v>1857</v>
      </c>
      <c r="B588" s="7" t="s">
        <v>1132</v>
      </c>
      <c r="C588" s="7" t="s">
        <v>493</v>
      </c>
      <c r="D588" s="7"/>
    </row>
    <row r="589" spans="1:4" s="3" customFormat="1" x14ac:dyDescent="0.15">
      <c r="A589" s="7" t="s">
        <v>494</v>
      </c>
      <c r="B589" s="7" t="s">
        <v>1132</v>
      </c>
      <c r="C589" s="7" t="s">
        <v>1257</v>
      </c>
      <c r="D589" s="7"/>
    </row>
    <row r="590" spans="1:4" s="3" customFormat="1" x14ac:dyDescent="0.15">
      <c r="A590" s="7" t="s">
        <v>1539</v>
      </c>
      <c r="B590" s="7" t="s">
        <v>1540</v>
      </c>
      <c r="C590" s="7" t="s">
        <v>1482</v>
      </c>
      <c r="D590" s="7" t="s">
        <v>495</v>
      </c>
    </row>
    <row r="591" spans="1:4" s="3" customFormat="1" x14ac:dyDescent="0.15">
      <c r="A591" s="7" t="s">
        <v>496</v>
      </c>
      <c r="B591" s="7" t="s">
        <v>497</v>
      </c>
      <c r="C591" s="7" t="s">
        <v>498</v>
      </c>
      <c r="D591" s="7"/>
    </row>
    <row r="592" spans="1:4" s="3" customFormat="1" x14ac:dyDescent="0.15">
      <c r="A592" s="7" t="s">
        <v>499</v>
      </c>
      <c r="B592" s="7"/>
      <c r="C592" s="7" t="s">
        <v>1260</v>
      </c>
      <c r="D592" s="7"/>
    </row>
    <row r="593" spans="1:4" s="3" customFormat="1" x14ac:dyDescent="0.15">
      <c r="A593" s="7" t="s">
        <v>500</v>
      </c>
      <c r="B593" s="7" t="s">
        <v>1132</v>
      </c>
      <c r="C593" s="7" t="s">
        <v>1260</v>
      </c>
      <c r="D593" s="7"/>
    </row>
    <row r="594" spans="1:4" s="3" customFormat="1" x14ac:dyDescent="0.15">
      <c r="A594" s="7" t="s">
        <v>501</v>
      </c>
      <c r="B594" s="7" t="s">
        <v>502</v>
      </c>
      <c r="C594" s="7" t="s">
        <v>1260</v>
      </c>
      <c r="D594" s="7"/>
    </row>
    <row r="595" spans="1:4" s="3" customFormat="1" x14ac:dyDescent="0.15">
      <c r="A595" s="7" t="s">
        <v>503</v>
      </c>
      <c r="B595" s="7" t="s">
        <v>1132</v>
      </c>
      <c r="C595" s="7" t="s">
        <v>1260</v>
      </c>
      <c r="D595" s="7"/>
    </row>
    <row r="596" spans="1:4" s="3" customFormat="1" ht="34.5" x14ac:dyDescent="0.15">
      <c r="A596" s="7" t="s">
        <v>2365</v>
      </c>
      <c r="B596" s="7" t="s">
        <v>504</v>
      </c>
      <c r="C596" s="7" t="s">
        <v>505</v>
      </c>
      <c r="D596" s="7"/>
    </row>
    <row r="597" spans="1:4" s="3" customFormat="1" x14ac:dyDescent="0.15">
      <c r="A597" s="1" t="s">
        <v>506</v>
      </c>
      <c r="B597" s="1" t="s">
        <v>507</v>
      </c>
      <c r="C597" s="1" t="s">
        <v>508</v>
      </c>
      <c r="D597" s="7"/>
    </row>
    <row r="598" spans="1:4" s="3" customFormat="1" x14ac:dyDescent="0.15">
      <c r="A598" s="7" t="s">
        <v>509</v>
      </c>
      <c r="B598" s="7"/>
      <c r="C598" s="7" t="s">
        <v>1719</v>
      </c>
      <c r="D598" s="7"/>
    </row>
    <row r="599" spans="1:4" s="3" customFormat="1" x14ac:dyDescent="0.15">
      <c r="A599" s="7" t="s">
        <v>510</v>
      </c>
      <c r="B599" s="7" t="s">
        <v>511</v>
      </c>
      <c r="C599" s="7" t="s">
        <v>1257</v>
      </c>
      <c r="D599" s="7"/>
    </row>
    <row r="600" spans="1:4" s="3" customFormat="1" ht="34.5" x14ac:dyDescent="0.15">
      <c r="A600" s="7" t="s">
        <v>2366</v>
      </c>
      <c r="B600" s="7" t="s">
        <v>1132</v>
      </c>
      <c r="C600" s="7" t="s">
        <v>512</v>
      </c>
      <c r="D600" s="7"/>
    </row>
    <row r="601" spans="1:4" s="3" customFormat="1" x14ac:dyDescent="0.15">
      <c r="A601" s="7" t="s">
        <v>513</v>
      </c>
      <c r="B601" s="7" t="s">
        <v>1132</v>
      </c>
      <c r="C601" s="7" t="s">
        <v>1257</v>
      </c>
      <c r="D601" s="7"/>
    </row>
    <row r="602" spans="1:4" s="3" customFormat="1" x14ac:dyDescent="0.15">
      <c r="A602" s="1" t="s">
        <v>514</v>
      </c>
      <c r="B602" s="1"/>
      <c r="C602" s="1" t="s">
        <v>1260</v>
      </c>
      <c r="D602" s="1"/>
    </row>
    <row r="603" spans="1:4" s="3" customFormat="1" x14ac:dyDescent="0.15">
      <c r="A603" s="7" t="s">
        <v>515</v>
      </c>
      <c r="B603" s="7" t="s">
        <v>1132</v>
      </c>
      <c r="C603" s="7" t="s">
        <v>1717</v>
      </c>
      <c r="D603" s="7"/>
    </row>
    <row r="604" spans="1:4" s="3" customFormat="1" x14ac:dyDescent="0.15">
      <c r="A604" s="7" t="s">
        <v>516</v>
      </c>
      <c r="B604" s="7" t="s">
        <v>517</v>
      </c>
      <c r="C604" s="7" t="s">
        <v>1260</v>
      </c>
      <c r="D604" s="7"/>
    </row>
    <row r="605" spans="1:4" s="3" customFormat="1" ht="34.5" x14ac:dyDescent="0.15">
      <c r="A605" s="7" t="s">
        <v>2367</v>
      </c>
      <c r="B605" s="7" t="s">
        <v>2551</v>
      </c>
      <c r="C605" s="7" t="s">
        <v>2557</v>
      </c>
      <c r="D605" s="7" t="s">
        <v>2550</v>
      </c>
    </row>
    <row r="606" spans="1:4" s="3" customFormat="1" x14ac:dyDescent="0.15">
      <c r="A606" s="7" t="s">
        <v>2368</v>
      </c>
      <c r="B606" s="7" t="s">
        <v>518</v>
      </c>
      <c r="C606" s="7" t="s">
        <v>519</v>
      </c>
      <c r="D606" s="7"/>
    </row>
    <row r="607" spans="1:4" s="3" customFormat="1" ht="34.5" x14ac:dyDescent="0.15">
      <c r="A607" s="7" t="s">
        <v>2435</v>
      </c>
      <c r="B607" s="7" t="s">
        <v>2433</v>
      </c>
      <c r="C607" s="7" t="s">
        <v>2434</v>
      </c>
      <c r="D607" s="7"/>
    </row>
    <row r="608" spans="1:4" s="3" customFormat="1" x14ac:dyDescent="0.15">
      <c r="A608" s="7" t="s">
        <v>520</v>
      </c>
      <c r="B608" s="7" t="s">
        <v>521</v>
      </c>
      <c r="C608" s="7" t="s">
        <v>1258</v>
      </c>
      <c r="D608" s="7"/>
    </row>
    <row r="609" spans="1:4" s="3" customFormat="1" x14ac:dyDescent="0.15">
      <c r="A609" s="7" t="s">
        <v>522</v>
      </c>
      <c r="B609" s="7" t="s">
        <v>1132</v>
      </c>
      <c r="C609" s="7" t="s">
        <v>1830</v>
      </c>
      <c r="D609" s="7"/>
    </row>
    <row r="610" spans="1:4" s="3" customFormat="1" x14ac:dyDescent="0.15">
      <c r="A610" s="7" t="s">
        <v>523</v>
      </c>
      <c r="B610" s="7" t="s">
        <v>1132</v>
      </c>
      <c r="C610" s="7" t="s">
        <v>1260</v>
      </c>
      <c r="D610" s="7"/>
    </row>
    <row r="611" spans="1:4" s="3" customFormat="1" x14ac:dyDescent="0.15">
      <c r="A611" s="7" t="s">
        <v>524</v>
      </c>
      <c r="B611" s="7" t="s">
        <v>525</v>
      </c>
      <c r="C611" s="7" t="s">
        <v>1499</v>
      </c>
      <c r="D611" s="7" t="s">
        <v>489</v>
      </c>
    </row>
    <row r="612" spans="1:4" s="3" customFormat="1" x14ac:dyDescent="0.15">
      <c r="A612" s="7" t="s">
        <v>2369</v>
      </c>
      <c r="B612" s="7" t="s">
        <v>526</v>
      </c>
      <c r="C612" s="7" t="s">
        <v>1260</v>
      </c>
      <c r="D612" s="7"/>
    </row>
    <row r="613" spans="1:4" s="3" customFormat="1" x14ac:dyDescent="0.15">
      <c r="A613" s="7" t="s">
        <v>527</v>
      </c>
      <c r="B613" s="7" t="s">
        <v>1132</v>
      </c>
      <c r="C613" s="7" t="s">
        <v>1260</v>
      </c>
      <c r="D613" s="7"/>
    </row>
    <row r="614" spans="1:4" s="3" customFormat="1" x14ac:dyDescent="0.15">
      <c r="A614" s="7" t="s">
        <v>528</v>
      </c>
      <c r="B614" s="7"/>
      <c r="C614" s="7" t="s">
        <v>529</v>
      </c>
      <c r="D614" s="7"/>
    </row>
    <row r="615" spans="1:4" s="3" customFormat="1" x14ac:dyDescent="0.15">
      <c r="A615" s="7" t="s">
        <v>530</v>
      </c>
      <c r="B615" s="7" t="s">
        <v>531</v>
      </c>
      <c r="C615" s="7" t="s">
        <v>532</v>
      </c>
      <c r="D615" s="7"/>
    </row>
    <row r="616" spans="1:4" s="3" customFormat="1" x14ac:dyDescent="0.15">
      <c r="A616" s="7" t="s">
        <v>2370</v>
      </c>
      <c r="B616" s="7"/>
      <c r="C616" s="7" t="s">
        <v>533</v>
      </c>
      <c r="D616" s="7"/>
    </row>
    <row r="617" spans="1:4" s="3" customFormat="1" x14ac:dyDescent="0.15">
      <c r="A617" s="7" t="s">
        <v>2371</v>
      </c>
      <c r="B617" s="7" t="s">
        <v>2372</v>
      </c>
      <c r="C617" s="7" t="s">
        <v>1257</v>
      </c>
      <c r="D617" s="7"/>
    </row>
    <row r="618" spans="1:4" s="3" customFormat="1" x14ac:dyDescent="0.15">
      <c r="A618" s="7" t="s">
        <v>534</v>
      </c>
      <c r="B618" s="7" t="s">
        <v>535</v>
      </c>
      <c r="C618" s="7" t="s">
        <v>536</v>
      </c>
      <c r="D618" s="7" t="s">
        <v>537</v>
      </c>
    </row>
    <row r="619" spans="1:4" s="3" customFormat="1" x14ac:dyDescent="0.15">
      <c r="A619" s="7" t="s">
        <v>538</v>
      </c>
      <c r="B619" s="7" t="s">
        <v>539</v>
      </c>
      <c r="C619" s="7" t="s">
        <v>540</v>
      </c>
      <c r="D619" s="7"/>
    </row>
    <row r="620" spans="1:4" s="3" customFormat="1" x14ac:dyDescent="0.15">
      <c r="A620" s="7" t="s">
        <v>541</v>
      </c>
      <c r="B620" s="7" t="s">
        <v>1132</v>
      </c>
      <c r="C620" s="7" t="s">
        <v>1257</v>
      </c>
      <c r="D620" s="7"/>
    </row>
    <row r="621" spans="1:4" s="3" customFormat="1" x14ac:dyDescent="0.15">
      <c r="A621" s="7" t="s">
        <v>542</v>
      </c>
      <c r="B621" s="7" t="s">
        <v>543</v>
      </c>
      <c r="C621" s="7" t="s">
        <v>1269</v>
      </c>
      <c r="D621" s="7"/>
    </row>
    <row r="622" spans="1:4" s="3" customFormat="1" x14ac:dyDescent="0.15">
      <c r="A622" s="7" t="s">
        <v>544</v>
      </c>
      <c r="B622" s="7" t="s">
        <v>545</v>
      </c>
      <c r="C622" s="7" t="s">
        <v>1295</v>
      </c>
      <c r="D622" s="7"/>
    </row>
    <row r="623" spans="1:4" s="3" customFormat="1" x14ac:dyDescent="0.15">
      <c r="A623" s="7" t="s">
        <v>546</v>
      </c>
      <c r="B623" s="7"/>
      <c r="C623" s="7" t="s">
        <v>1260</v>
      </c>
      <c r="D623" s="7"/>
    </row>
    <row r="624" spans="1:4" s="3" customFormat="1" x14ac:dyDescent="0.15">
      <c r="A624" s="1" t="s">
        <v>2373</v>
      </c>
      <c r="B624" s="1" t="s">
        <v>2374</v>
      </c>
      <c r="C624" s="1" t="s">
        <v>2375</v>
      </c>
      <c r="D624" s="1"/>
    </row>
    <row r="625" spans="1:4" s="3" customFormat="1" x14ac:dyDescent="0.15">
      <c r="A625" s="7" t="s">
        <v>547</v>
      </c>
      <c r="B625" s="7"/>
      <c r="C625" s="7" t="s">
        <v>1260</v>
      </c>
      <c r="D625" s="7"/>
    </row>
    <row r="626" spans="1:4" s="3" customFormat="1" x14ac:dyDescent="0.15">
      <c r="A626" s="7" t="s">
        <v>548</v>
      </c>
      <c r="B626" s="7" t="s">
        <v>549</v>
      </c>
      <c r="C626" s="7" t="s">
        <v>1947</v>
      </c>
      <c r="D626" s="7"/>
    </row>
    <row r="627" spans="1:4" s="3" customFormat="1" x14ac:dyDescent="0.15">
      <c r="A627" s="7" t="s">
        <v>550</v>
      </c>
      <c r="B627" s="7" t="s">
        <v>551</v>
      </c>
      <c r="C627" s="7" t="s">
        <v>1260</v>
      </c>
      <c r="D627" s="7"/>
    </row>
    <row r="628" spans="1:4" s="3" customFormat="1" x14ac:dyDescent="0.15">
      <c r="A628" s="7" t="s">
        <v>552</v>
      </c>
      <c r="B628" s="7" t="s">
        <v>553</v>
      </c>
      <c r="C628" s="7" t="s">
        <v>554</v>
      </c>
      <c r="D628" s="7"/>
    </row>
    <row r="629" spans="1:4" s="3" customFormat="1" x14ac:dyDescent="0.15">
      <c r="A629" s="7" t="s">
        <v>2545</v>
      </c>
      <c r="B629" s="7" t="s">
        <v>2546</v>
      </c>
      <c r="C629" s="7" t="s">
        <v>1643</v>
      </c>
      <c r="D629" s="7"/>
    </row>
    <row r="630" spans="1:4" s="3" customFormat="1" x14ac:dyDescent="0.15">
      <c r="A630" s="7" t="s">
        <v>555</v>
      </c>
      <c r="B630" s="7"/>
      <c r="C630" s="7" t="s">
        <v>1277</v>
      </c>
      <c r="D630" s="7"/>
    </row>
    <row r="631" spans="1:4" s="3" customFormat="1" x14ac:dyDescent="0.15">
      <c r="A631" s="7" t="s">
        <v>556</v>
      </c>
      <c r="B631" s="7" t="s">
        <v>557</v>
      </c>
      <c r="C631" s="7" t="s">
        <v>1325</v>
      </c>
      <c r="D631" s="7"/>
    </row>
    <row r="632" spans="1:4" s="3" customFormat="1" x14ac:dyDescent="0.15">
      <c r="A632" s="7" t="s">
        <v>558</v>
      </c>
      <c r="B632" s="7" t="s">
        <v>559</v>
      </c>
      <c r="C632" s="7" t="s">
        <v>1325</v>
      </c>
      <c r="D632" s="7"/>
    </row>
    <row r="633" spans="1:4" s="3" customFormat="1" x14ac:dyDescent="0.15">
      <c r="A633" s="7" t="s">
        <v>560</v>
      </c>
      <c r="B633" s="7" t="s">
        <v>1132</v>
      </c>
      <c r="C633" s="7" t="s">
        <v>1260</v>
      </c>
      <c r="D633" s="7"/>
    </row>
    <row r="634" spans="1:4" s="3" customFormat="1" x14ac:dyDescent="0.15">
      <c r="A634" s="7" t="s">
        <v>561</v>
      </c>
      <c r="B634" s="7" t="s">
        <v>562</v>
      </c>
      <c r="C634" s="7" t="s">
        <v>1260</v>
      </c>
      <c r="D634" s="7"/>
    </row>
    <row r="635" spans="1:4" s="3" customFormat="1" x14ac:dyDescent="0.15">
      <c r="A635" s="7" t="s">
        <v>563</v>
      </c>
      <c r="B635" s="7" t="s">
        <v>564</v>
      </c>
      <c r="C635" s="7" t="s">
        <v>1260</v>
      </c>
      <c r="D635" s="7"/>
    </row>
    <row r="636" spans="1:4" s="3" customFormat="1" x14ac:dyDescent="0.15">
      <c r="A636" s="7" t="s">
        <v>2376</v>
      </c>
      <c r="B636" s="7" t="s">
        <v>2736</v>
      </c>
      <c r="C636" s="7" t="s">
        <v>1464</v>
      </c>
      <c r="D636" s="7"/>
    </row>
    <row r="637" spans="1:4" s="3" customFormat="1" x14ac:dyDescent="0.15">
      <c r="A637" s="7" t="s">
        <v>565</v>
      </c>
      <c r="B637" s="7" t="s">
        <v>1132</v>
      </c>
      <c r="C637" s="7" t="s">
        <v>566</v>
      </c>
      <c r="D637" s="7"/>
    </row>
    <row r="638" spans="1:4" s="3" customFormat="1" x14ac:dyDescent="0.15">
      <c r="A638" s="7" t="s">
        <v>567</v>
      </c>
      <c r="B638" s="7" t="s">
        <v>1132</v>
      </c>
      <c r="C638" s="7" t="s">
        <v>1596</v>
      </c>
      <c r="D638" s="7"/>
    </row>
    <row r="639" spans="1:4" s="3" customFormat="1" x14ac:dyDescent="0.15">
      <c r="A639" s="7" t="s">
        <v>960</v>
      </c>
      <c r="B639" s="7" t="s">
        <v>2377</v>
      </c>
      <c r="C639" s="7" t="s">
        <v>865</v>
      </c>
      <c r="D639" s="7"/>
    </row>
    <row r="640" spans="1:4" s="3" customFormat="1" x14ac:dyDescent="0.15">
      <c r="A640" s="7" t="s">
        <v>568</v>
      </c>
      <c r="B640" s="7"/>
      <c r="C640" s="7" t="s">
        <v>1269</v>
      </c>
      <c r="D640" s="7"/>
    </row>
    <row r="641" spans="1:4" s="3" customFormat="1" ht="34.5" x14ac:dyDescent="0.15">
      <c r="A641" s="7" t="s">
        <v>2378</v>
      </c>
      <c r="B641" s="7" t="s">
        <v>569</v>
      </c>
      <c r="C641" s="7" t="s">
        <v>570</v>
      </c>
      <c r="D641" s="7"/>
    </row>
    <row r="642" spans="1:4" s="3" customFormat="1" x14ac:dyDescent="0.15">
      <c r="A642" s="7" t="s">
        <v>2379</v>
      </c>
      <c r="B642" s="7" t="s">
        <v>2737</v>
      </c>
      <c r="C642" s="7" t="s">
        <v>1947</v>
      </c>
      <c r="D642" s="7"/>
    </row>
    <row r="643" spans="1:4" s="3" customFormat="1" x14ac:dyDescent="0.15">
      <c r="A643" s="7" t="s">
        <v>571</v>
      </c>
      <c r="B643" s="7" t="s">
        <v>572</v>
      </c>
      <c r="C643" s="7" t="s">
        <v>1260</v>
      </c>
      <c r="D643" s="7"/>
    </row>
    <row r="644" spans="1:4" s="3" customFormat="1" x14ac:dyDescent="0.15">
      <c r="A644" s="7" t="s">
        <v>2380</v>
      </c>
      <c r="B644" s="7"/>
      <c r="C644" s="7" t="s">
        <v>1260</v>
      </c>
      <c r="D644" s="7"/>
    </row>
    <row r="645" spans="1:4" s="3" customFormat="1" x14ac:dyDescent="0.15">
      <c r="A645" s="7" t="s">
        <v>573</v>
      </c>
      <c r="B645" s="7" t="s">
        <v>1132</v>
      </c>
      <c r="C645" s="7" t="s">
        <v>1325</v>
      </c>
      <c r="D645" s="7"/>
    </row>
    <row r="646" spans="1:4" s="3" customFormat="1" x14ac:dyDescent="0.15">
      <c r="A646" s="7" t="s">
        <v>574</v>
      </c>
      <c r="B646" s="7"/>
      <c r="C646" s="7" t="s">
        <v>1681</v>
      </c>
      <c r="D646" s="7"/>
    </row>
    <row r="647" spans="1:4" s="3" customFormat="1" x14ac:dyDescent="0.15">
      <c r="A647" s="7" t="s">
        <v>575</v>
      </c>
      <c r="B647" s="32" t="s">
        <v>1132</v>
      </c>
      <c r="C647" s="7" t="s">
        <v>701</v>
      </c>
      <c r="D647" s="7" t="s">
        <v>2614</v>
      </c>
    </row>
    <row r="648" spans="1:4" s="3" customFormat="1" x14ac:dyDescent="0.15">
      <c r="A648" s="7" t="s">
        <v>576</v>
      </c>
      <c r="B648" s="7" t="s">
        <v>1132</v>
      </c>
      <c r="C648" s="7" t="s">
        <v>1717</v>
      </c>
      <c r="D648" s="7"/>
    </row>
    <row r="649" spans="1:4" s="3" customFormat="1" x14ac:dyDescent="0.15">
      <c r="A649" s="7" t="s">
        <v>609</v>
      </c>
      <c r="B649" s="7" t="s">
        <v>2381</v>
      </c>
      <c r="C649" s="7" t="s">
        <v>610</v>
      </c>
      <c r="D649" s="7"/>
    </row>
    <row r="650" spans="1:4" s="3" customFormat="1" x14ac:dyDescent="0.15">
      <c r="A650" s="7" t="s">
        <v>577</v>
      </c>
      <c r="B650" s="7" t="s">
        <v>578</v>
      </c>
      <c r="C650" s="7" t="s">
        <v>195</v>
      </c>
      <c r="D650" s="7"/>
    </row>
    <row r="651" spans="1:4" s="3" customFormat="1" x14ac:dyDescent="0.15">
      <c r="A651" s="7" t="s">
        <v>579</v>
      </c>
      <c r="B651" s="7" t="s">
        <v>1132</v>
      </c>
      <c r="C651" s="7" t="s">
        <v>580</v>
      </c>
      <c r="D651" s="7"/>
    </row>
    <row r="652" spans="1:4" s="3" customFormat="1" ht="34.5" x14ac:dyDescent="0.15">
      <c r="A652" s="7" t="s">
        <v>2481</v>
      </c>
      <c r="B652" s="7"/>
      <c r="C652" s="7" t="s">
        <v>701</v>
      </c>
      <c r="D652" s="7"/>
    </row>
    <row r="653" spans="1:4" s="3" customFormat="1" x14ac:dyDescent="0.15">
      <c r="A653" s="7" t="s">
        <v>581</v>
      </c>
      <c r="B653" s="7" t="s">
        <v>582</v>
      </c>
      <c r="C653" s="7" t="s">
        <v>1405</v>
      </c>
      <c r="D653" s="7"/>
    </row>
    <row r="654" spans="1:4" s="3" customFormat="1" x14ac:dyDescent="0.15">
      <c r="A654" s="7" t="s">
        <v>583</v>
      </c>
      <c r="B654" s="7"/>
      <c r="C654" s="7" t="s">
        <v>584</v>
      </c>
      <c r="D654" s="7"/>
    </row>
    <row r="655" spans="1:4" s="3" customFormat="1" x14ac:dyDescent="0.15">
      <c r="A655" s="7" t="s">
        <v>585</v>
      </c>
      <c r="B655" s="7" t="s">
        <v>1132</v>
      </c>
      <c r="C655" s="7" t="s">
        <v>21</v>
      </c>
      <c r="D655" s="7"/>
    </row>
    <row r="656" spans="1:4" s="3" customFormat="1" x14ac:dyDescent="0.15">
      <c r="A656" s="7" t="s">
        <v>1343</v>
      </c>
      <c r="B656" s="7" t="s">
        <v>586</v>
      </c>
      <c r="C656" s="7" t="s">
        <v>587</v>
      </c>
      <c r="D656" s="7" t="s">
        <v>588</v>
      </c>
    </row>
    <row r="657" spans="1:4" s="3" customFormat="1" x14ac:dyDescent="0.15">
      <c r="A657" s="7" t="s">
        <v>589</v>
      </c>
      <c r="B657" s="7"/>
      <c r="C657" s="7" t="s">
        <v>1717</v>
      </c>
      <c r="D657" s="7"/>
    </row>
    <row r="658" spans="1:4" s="3" customFormat="1" ht="34.5" x14ac:dyDescent="0.15">
      <c r="A658" s="7" t="s">
        <v>350</v>
      </c>
      <c r="B658" s="7" t="s">
        <v>1132</v>
      </c>
      <c r="C658" s="7" t="s">
        <v>2629</v>
      </c>
      <c r="D658" s="7" t="s">
        <v>2382</v>
      </c>
    </row>
    <row r="659" spans="1:4" s="3" customFormat="1" x14ac:dyDescent="0.15">
      <c r="A659" s="7" t="s">
        <v>590</v>
      </c>
      <c r="B659" s="7" t="s">
        <v>591</v>
      </c>
      <c r="C659" s="7" t="s">
        <v>532</v>
      </c>
      <c r="D659" s="7"/>
    </row>
    <row r="660" spans="1:4" s="3" customFormat="1" x14ac:dyDescent="0.15">
      <c r="A660" s="7" t="s">
        <v>592</v>
      </c>
      <c r="B660" s="7" t="s">
        <v>593</v>
      </c>
      <c r="C660" s="7" t="s">
        <v>1260</v>
      </c>
      <c r="D660" s="7"/>
    </row>
    <row r="661" spans="1:4" s="3" customFormat="1" x14ac:dyDescent="0.15">
      <c r="A661" s="7" t="s">
        <v>594</v>
      </c>
      <c r="B661" s="7" t="s">
        <v>595</v>
      </c>
      <c r="C661" s="7" t="s">
        <v>1257</v>
      </c>
      <c r="D661" s="7"/>
    </row>
    <row r="662" spans="1:4" s="3" customFormat="1" x14ac:dyDescent="0.15">
      <c r="A662" s="7" t="s">
        <v>596</v>
      </c>
      <c r="B662" s="7" t="s">
        <v>1132</v>
      </c>
      <c r="C662" s="7" t="s">
        <v>1257</v>
      </c>
      <c r="D662" s="7"/>
    </row>
    <row r="663" spans="1:4" s="3" customFormat="1" x14ac:dyDescent="0.15">
      <c r="A663" s="7" t="s">
        <v>597</v>
      </c>
      <c r="B663" s="7" t="s">
        <v>1132</v>
      </c>
      <c r="C663" s="7" t="s">
        <v>1260</v>
      </c>
      <c r="D663" s="7"/>
    </row>
    <row r="664" spans="1:4" s="3" customFormat="1" x14ac:dyDescent="0.15">
      <c r="A664" s="7" t="s">
        <v>598</v>
      </c>
      <c r="B664" s="7" t="s">
        <v>1132</v>
      </c>
      <c r="C664" s="7" t="s">
        <v>1464</v>
      </c>
      <c r="D664" s="7"/>
    </row>
    <row r="665" spans="1:4" s="3" customFormat="1" x14ac:dyDescent="0.15">
      <c r="A665" s="7" t="s">
        <v>2383</v>
      </c>
      <c r="B665" s="7" t="s">
        <v>1132</v>
      </c>
      <c r="C665" s="7" t="s">
        <v>617</v>
      </c>
      <c r="D665" s="7"/>
    </row>
    <row r="666" spans="1:4" s="3" customFormat="1" x14ac:dyDescent="0.15">
      <c r="A666" s="7" t="s">
        <v>618</v>
      </c>
      <c r="B666" s="7" t="s">
        <v>619</v>
      </c>
      <c r="C666" s="7" t="s">
        <v>1260</v>
      </c>
      <c r="D666" s="7"/>
    </row>
    <row r="667" spans="1:4" s="3" customFormat="1" x14ac:dyDescent="0.15">
      <c r="A667" s="7" t="s">
        <v>620</v>
      </c>
      <c r="B667" s="7" t="s">
        <v>621</v>
      </c>
      <c r="C667" s="7" t="s">
        <v>1260</v>
      </c>
      <c r="D667" s="7"/>
    </row>
    <row r="668" spans="1:4" s="3" customFormat="1" x14ac:dyDescent="0.15">
      <c r="A668" s="7" t="s">
        <v>2500</v>
      </c>
      <c r="B668" s="7" t="s">
        <v>2501</v>
      </c>
      <c r="C668" s="7" t="s">
        <v>2534</v>
      </c>
      <c r="D668" s="7"/>
    </row>
    <row r="669" spans="1:4" s="3" customFormat="1" ht="34.5" x14ac:dyDescent="0.15">
      <c r="A669" s="1" t="s">
        <v>2384</v>
      </c>
      <c r="B669" s="1" t="s">
        <v>2385</v>
      </c>
      <c r="C669" s="1" t="s">
        <v>2386</v>
      </c>
      <c r="D669" s="1"/>
    </row>
    <row r="670" spans="1:4" s="3" customFormat="1" x14ac:dyDescent="0.15">
      <c r="A670" s="7" t="s">
        <v>622</v>
      </c>
      <c r="B670" s="7" t="s">
        <v>1132</v>
      </c>
      <c r="C670" s="7" t="s">
        <v>1325</v>
      </c>
      <c r="D670" s="7"/>
    </row>
    <row r="671" spans="1:4" s="3" customFormat="1" x14ac:dyDescent="0.15">
      <c r="A671" s="7" t="s">
        <v>623</v>
      </c>
      <c r="B671" s="7" t="s">
        <v>624</v>
      </c>
      <c r="C671" s="7" t="s">
        <v>1260</v>
      </c>
      <c r="D671" s="7"/>
    </row>
    <row r="672" spans="1:4" s="3" customFormat="1" x14ac:dyDescent="0.15">
      <c r="A672" s="7" t="s">
        <v>2387</v>
      </c>
      <c r="B672" s="7" t="s">
        <v>625</v>
      </c>
      <c r="C672" s="7" t="s">
        <v>626</v>
      </c>
      <c r="D672" s="7"/>
    </row>
    <row r="673" spans="1:4" s="3" customFormat="1" x14ac:dyDescent="0.15">
      <c r="A673" s="1" t="s">
        <v>627</v>
      </c>
      <c r="B673" s="1" t="s">
        <v>628</v>
      </c>
      <c r="C673" s="1" t="s">
        <v>629</v>
      </c>
      <c r="D673" s="7"/>
    </row>
    <row r="674" spans="1:4" s="3" customFormat="1" x14ac:dyDescent="0.15">
      <c r="A674" s="7" t="s">
        <v>630</v>
      </c>
      <c r="B674" s="7" t="s">
        <v>1132</v>
      </c>
      <c r="C674" s="7" t="s">
        <v>1260</v>
      </c>
      <c r="D674" s="7"/>
    </row>
    <row r="675" spans="1:4" s="3" customFormat="1" x14ac:dyDescent="0.15">
      <c r="A675" s="7" t="s">
        <v>631</v>
      </c>
      <c r="B675" s="7" t="s">
        <v>1132</v>
      </c>
      <c r="C675" s="7" t="s">
        <v>1325</v>
      </c>
      <c r="D675" s="7"/>
    </row>
    <row r="676" spans="1:4" s="3" customFormat="1" x14ac:dyDescent="0.15">
      <c r="A676" s="7" t="s">
        <v>632</v>
      </c>
      <c r="B676" s="7" t="s">
        <v>1132</v>
      </c>
      <c r="C676" s="7" t="s">
        <v>1257</v>
      </c>
      <c r="D676" s="7"/>
    </row>
    <row r="677" spans="1:4" s="3" customFormat="1" x14ac:dyDescent="0.15">
      <c r="A677" s="7" t="s">
        <v>633</v>
      </c>
      <c r="B677" s="7" t="s">
        <v>634</v>
      </c>
      <c r="C677" s="7" t="s">
        <v>1947</v>
      </c>
      <c r="D677" s="7"/>
    </row>
    <row r="678" spans="1:4" s="3" customFormat="1" x14ac:dyDescent="0.15">
      <c r="A678" s="7" t="s">
        <v>635</v>
      </c>
      <c r="B678" s="7"/>
      <c r="C678" s="7" t="s">
        <v>636</v>
      </c>
      <c r="D678" s="7"/>
    </row>
    <row r="679" spans="1:4" s="3" customFormat="1" x14ac:dyDescent="0.15">
      <c r="A679" s="7" t="s">
        <v>2530</v>
      </c>
      <c r="B679" s="7" t="s">
        <v>637</v>
      </c>
      <c r="C679" s="7" t="s">
        <v>638</v>
      </c>
      <c r="D679" s="7"/>
    </row>
    <row r="680" spans="1:4" s="3" customFormat="1" x14ac:dyDescent="0.15">
      <c r="A680" s="7" t="s">
        <v>639</v>
      </c>
      <c r="B680" s="7" t="s">
        <v>1132</v>
      </c>
      <c r="C680" s="7" t="s">
        <v>640</v>
      </c>
      <c r="D680" s="7"/>
    </row>
    <row r="681" spans="1:4" s="3" customFormat="1" ht="34.5" x14ac:dyDescent="0.15">
      <c r="A681" s="7" t="s">
        <v>2388</v>
      </c>
      <c r="B681" s="7" t="s">
        <v>2630</v>
      </c>
      <c r="C681" s="7" t="s">
        <v>2389</v>
      </c>
      <c r="D681" s="7"/>
    </row>
    <row r="682" spans="1:4" s="3" customFormat="1" x14ac:dyDescent="0.15">
      <c r="A682" s="1" t="s">
        <v>641</v>
      </c>
      <c r="B682" s="1" t="s">
        <v>642</v>
      </c>
      <c r="C682" s="1" t="s">
        <v>1260</v>
      </c>
      <c r="D682" s="1"/>
    </row>
    <row r="683" spans="1:4" s="3" customFormat="1" ht="34.5" x14ac:dyDescent="0.15">
      <c r="A683" s="1" t="s">
        <v>611</v>
      </c>
      <c r="B683" s="1" t="s">
        <v>2631</v>
      </c>
      <c r="C683" s="1" t="s">
        <v>2040</v>
      </c>
      <c r="D683" s="1"/>
    </row>
    <row r="684" spans="1:4" s="3" customFormat="1" x14ac:dyDescent="0.15">
      <c r="A684" s="1" t="s">
        <v>643</v>
      </c>
      <c r="B684" s="1"/>
      <c r="C684" s="1" t="s">
        <v>1260</v>
      </c>
      <c r="D684" s="7"/>
    </row>
    <row r="685" spans="1:4" s="3" customFormat="1" x14ac:dyDescent="0.15">
      <c r="A685" s="1" t="s">
        <v>2502</v>
      </c>
      <c r="B685" s="1" t="s">
        <v>2503</v>
      </c>
      <c r="C685" s="1" t="s">
        <v>1260</v>
      </c>
      <c r="D685" s="7"/>
    </row>
    <row r="686" spans="1:4" s="3" customFormat="1" x14ac:dyDescent="0.15">
      <c r="A686" s="7" t="s">
        <v>644</v>
      </c>
      <c r="B686" s="1"/>
      <c r="C686" s="7" t="s">
        <v>1260</v>
      </c>
      <c r="D686" s="7"/>
    </row>
    <row r="687" spans="1:4" s="3" customFormat="1" x14ac:dyDescent="0.15">
      <c r="A687" s="7" t="s">
        <v>645</v>
      </c>
      <c r="B687" s="7" t="s">
        <v>1132</v>
      </c>
      <c r="C687" s="7" t="s">
        <v>646</v>
      </c>
      <c r="D687" s="7"/>
    </row>
    <row r="688" spans="1:4" s="3" customFormat="1" ht="34.5" x14ac:dyDescent="0.15">
      <c r="A688" s="7" t="s">
        <v>2390</v>
      </c>
      <c r="B688" s="7" t="s">
        <v>1783</v>
      </c>
      <c r="C688" s="7" t="s">
        <v>2632</v>
      </c>
      <c r="D688" s="7"/>
    </row>
    <row r="689" spans="1:4" s="3" customFormat="1" x14ac:dyDescent="0.15">
      <c r="A689" s="7" t="s">
        <v>647</v>
      </c>
      <c r="B689" s="7" t="s">
        <v>1132</v>
      </c>
      <c r="C689" s="7" t="s">
        <v>1267</v>
      </c>
      <c r="D689" s="7"/>
    </row>
    <row r="690" spans="1:4" s="3" customFormat="1" x14ac:dyDescent="0.15">
      <c r="A690" s="7" t="s">
        <v>2391</v>
      </c>
      <c r="B690" s="7" t="s">
        <v>2738</v>
      </c>
      <c r="C690" s="7" t="s">
        <v>1257</v>
      </c>
      <c r="D690" s="7"/>
    </row>
    <row r="691" spans="1:4" s="3" customFormat="1" x14ac:dyDescent="0.15">
      <c r="A691" s="7" t="s">
        <v>1585</v>
      </c>
      <c r="B691" s="7" t="s">
        <v>1132</v>
      </c>
      <c r="C691" s="7" t="s">
        <v>648</v>
      </c>
      <c r="D691" s="7" t="s">
        <v>1695</v>
      </c>
    </row>
    <row r="692" spans="1:4" s="3" customFormat="1" x14ac:dyDescent="0.15">
      <c r="A692" s="7" t="s">
        <v>649</v>
      </c>
      <c r="B692" s="7" t="s">
        <v>650</v>
      </c>
      <c r="C692" s="7" t="s">
        <v>1260</v>
      </c>
      <c r="D692" s="7"/>
    </row>
    <row r="693" spans="1:4" s="3" customFormat="1" x14ac:dyDescent="0.15">
      <c r="A693" s="7" t="s">
        <v>651</v>
      </c>
      <c r="B693" s="7" t="s">
        <v>1132</v>
      </c>
      <c r="C693" s="7" t="s">
        <v>1325</v>
      </c>
      <c r="D693" s="7"/>
    </row>
    <row r="694" spans="1:4" s="3" customFormat="1" x14ac:dyDescent="0.15">
      <c r="A694" s="7" t="s">
        <v>652</v>
      </c>
      <c r="B694" s="7" t="s">
        <v>653</v>
      </c>
      <c r="C694" s="7" t="s">
        <v>1279</v>
      </c>
      <c r="D694" s="7"/>
    </row>
    <row r="695" spans="1:4" s="3" customFormat="1" x14ac:dyDescent="0.15">
      <c r="A695" s="7" t="s">
        <v>654</v>
      </c>
      <c r="B695" s="7" t="s">
        <v>655</v>
      </c>
      <c r="C695" s="7" t="s">
        <v>1325</v>
      </c>
      <c r="D695" s="7"/>
    </row>
    <row r="696" spans="1:4" s="3" customFormat="1" ht="34.5" x14ac:dyDescent="0.15">
      <c r="A696" s="1" t="s">
        <v>2392</v>
      </c>
      <c r="B696" s="1" t="s">
        <v>2393</v>
      </c>
      <c r="C696" s="1" t="s">
        <v>2633</v>
      </c>
      <c r="D696" s="1" t="s">
        <v>1200</v>
      </c>
    </row>
    <row r="697" spans="1:4" s="3" customFormat="1" ht="34.5" x14ac:dyDescent="0.15">
      <c r="A697" s="7" t="s">
        <v>656</v>
      </c>
      <c r="B697" s="7" t="s">
        <v>2739</v>
      </c>
      <c r="C697" s="7" t="s">
        <v>657</v>
      </c>
      <c r="D697" s="7"/>
    </row>
    <row r="698" spans="1:4" s="3" customFormat="1" x14ac:dyDescent="0.15">
      <c r="A698" s="7" t="s">
        <v>1592</v>
      </c>
      <c r="B698" s="7" t="s">
        <v>1132</v>
      </c>
      <c r="C698" s="7" t="s">
        <v>658</v>
      </c>
      <c r="D698" s="7" t="s">
        <v>2025</v>
      </c>
    </row>
    <row r="699" spans="1:4" s="3" customFormat="1" x14ac:dyDescent="0.15">
      <c r="A699" s="7" t="s">
        <v>612</v>
      </c>
      <c r="B699" s="7" t="s">
        <v>2394</v>
      </c>
      <c r="C699" s="7" t="s">
        <v>2489</v>
      </c>
      <c r="D699" s="7"/>
    </row>
    <row r="700" spans="1:4" s="3" customFormat="1" x14ac:dyDescent="0.15">
      <c r="A700" s="7" t="s">
        <v>659</v>
      </c>
      <c r="B700" s="7" t="s">
        <v>660</v>
      </c>
      <c r="C700" s="7" t="s">
        <v>498</v>
      </c>
      <c r="D700" s="7"/>
    </row>
    <row r="701" spans="1:4" s="3" customFormat="1" x14ac:dyDescent="0.15">
      <c r="A701" s="7" t="s">
        <v>661</v>
      </c>
      <c r="B701" s="7" t="s">
        <v>1132</v>
      </c>
      <c r="C701" s="7" t="s">
        <v>1719</v>
      </c>
      <c r="D701" s="7"/>
    </row>
    <row r="702" spans="1:4" s="3" customFormat="1" ht="34.5" x14ac:dyDescent="0.15">
      <c r="A702" s="7" t="s">
        <v>2505</v>
      </c>
      <c r="B702" s="7" t="s">
        <v>2506</v>
      </c>
      <c r="C702" s="7" t="s">
        <v>2504</v>
      </c>
      <c r="D702" s="7"/>
    </row>
    <row r="703" spans="1:4" s="3" customFormat="1" x14ac:dyDescent="0.15">
      <c r="A703" s="7" t="s">
        <v>662</v>
      </c>
      <c r="B703" s="7" t="s">
        <v>1132</v>
      </c>
      <c r="C703" s="7" t="s">
        <v>1257</v>
      </c>
      <c r="D703" s="7"/>
    </row>
    <row r="704" spans="1:4" s="3" customFormat="1" x14ac:dyDescent="0.15">
      <c r="A704" s="7" t="s">
        <v>663</v>
      </c>
      <c r="B704" s="7"/>
      <c r="C704" s="7" t="s">
        <v>664</v>
      </c>
      <c r="D704" s="7"/>
    </row>
    <row r="705" spans="1:4" s="3" customFormat="1" x14ac:dyDescent="0.15">
      <c r="A705" s="7" t="s">
        <v>665</v>
      </c>
      <c r="B705" s="7"/>
      <c r="C705" s="7" t="s">
        <v>1257</v>
      </c>
      <c r="D705" s="7"/>
    </row>
    <row r="706" spans="1:4" s="3" customFormat="1" x14ac:dyDescent="0.15">
      <c r="A706" s="7" t="s">
        <v>666</v>
      </c>
      <c r="B706" s="7" t="s">
        <v>1132</v>
      </c>
      <c r="C706" s="7" t="s">
        <v>1257</v>
      </c>
      <c r="D706" s="7"/>
    </row>
    <row r="707" spans="1:4" s="3" customFormat="1" x14ac:dyDescent="0.15">
      <c r="A707" s="7" t="s">
        <v>667</v>
      </c>
      <c r="B707" s="7" t="s">
        <v>1132</v>
      </c>
      <c r="C707" s="7" t="s">
        <v>1260</v>
      </c>
      <c r="D707" s="7"/>
    </row>
    <row r="708" spans="1:4" s="3" customFormat="1" x14ac:dyDescent="0.15">
      <c r="A708" s="7" t="s">
        <v>668</v>
      </c>
      <c r="B708" s="7" t="s">
        <v>669</v>
      </c>
      <c r="C708" s="7" t="s">
        <v>1830</v>
      </c>
      <c r="D708" s="7"/>
    </row>
    <row r="709" spans="1:4" s="3" customFormat="1" x14ac:dyDescent="0.15">
      <c r="A709" s="7" t="s">
        <v>670</v>
      </c>
      <c r="B709" s="7" t="s">
        <v>1132</v>
      </c>
      <c r="C709" s="7" t="s">
        <v>1260</v>
      </c>
      <c r="D709" s="7"/>
    </row>
    <row r="710" spans="1:4" s="3" customFormat="1" x14ac:dyDescent="0.15">
      <c r="A710" s="7" t="s">
        <v>671</v>
      </c>
      <c r="B710" s="7" t="s">
        <v>672</v>
      </c>
      <c r="C710" s="7" t="s">
        <v>1277</v>
      </c>
      <c r="D710" s="7"/>
    </row>
    <row r="711" spans="1:4" s="3" customFormat="1" x14ac:dyDescent="0.15">
      <c r="A711" s="7" t="s">
        <v>673</v>
      </c>
      <c r="B711" s="7" t="s">
        <v>2740</v>
      </c>
      <c r="C711" s="7" t="s">
        <v>1292</v>
      </c>
      <c r="D711" s="7"/>
    </row>
    <row r="712" spans="1:4" s="3" customFormat="1" x14ac:dyDescent="0.15">
      <c r="A712" s="7" t="s">
        <v>674</v>
      </c>
      <c r="B712" s="7" t="s">
        <v>1132</v>
      </c>
      <c r="C712" s="7" t="s">
        <v>1257</v>
      </c>
      <c r="D712" s="7"/>
    </row>
    <row r="713" spans="1:4" s="3" customFormat="1" x14ac:dyDescent="0.15">
      <c r="A713" s="7" t="s">
        <v>675</v>
      </c>
      <c r="B713" s="7" t="s">
        <v>1132</v>
      </c>
      <c r="C713" s="7" t="s">
        <v>1538</v>
      </c>
      <c r="D713" s="7"/>
    </row>
    <row r="714" spans="1:4" s="3" customFormat="1" ht="34.5" x14ac:dyDescent="0.15">
      <c r="A714" s="7" t="s">
        <v>2395</v>
      </c>
      <c r="B714" s="7" t="s">
        <v>2634</v>
      </c>
      <c r="C714" s="7" t="s">
        <v>2396</v>
      </c>
      <c r="D714" s="7"/>
    </row>
    <row r="715" spans="1:4" s="3" customFormat="1" x14ac:dyDescent="0.15">
      <c r="A715" s="7" t="s">
        <v>676</v>
      </c>
      <c r="B715" s="7" t="s">
        <v>1132</v>
      </c>
      <c r="C715" s="7" t="s">
        <v>1830</v>
      </c>
      <c r="D715" s="7"/>
    </row>
    <row r="716" spans="1:4" s="3" customFormat="1" x14ac:dyDescent="0.15">
      <c r="A716" s="7" t="s">
        <v>677</v>
      </c>
      <c r="B716" s="7" t="s">
        <v>1132</v>
      </c>
      <c r="C716" s="7" t="s">
        <v>1257</v>
      </c>
      <c r="D716" s="7"/>
    </row>
    <row r="717" spans="1:4" s="3" customFormat="1" x14ac:dyDescent="0.15">
      <c r="A717" s="7" t="s">
        <v>678</v>
      </c>
      <c r="B717" s="7" t="s">
        <v>679</v>
      </c>
      <c r="C717" s="7" t="s">
        <v>1257</v>
      </c>
      <c r="D717" s="7"/>
    </row>
    <row r="718" spans="1:4" s="3" customFormat="1" x14ac:dyDescent="0.15">
      <c r="A718" s="7" t="s">
        <v>680</v>
      </c>
      <c r="B718" s="7" t="s">
        <v>681</v>
      </c>
      <c r="C718" s="7" t="s">
        <v>1260</v>
      </c>
      <c r="D718" s="7"/>
    </row>
    <row r="719" spans="1:4" s="3" customFormat="1" x14ac:dyDescent="0.15">
      <c r="A719" s="7" t="s">
        <v>682</v>
      </c>
      <c r="B719" s="7" t="s">
        <v>683</v>
      </c>
      <c r="C719" s="7" t="s">
        <v>1260</v>
      </c>
      <c r="D719" s="7"/>
    </row>
    <row r="720" spans="1:4" s="3" customFormat="1" x14ac:dyDescent="0.15">
      <c r="A720" s="7" t="s">
        <v>702</v>
      </c>
      <c r="B720" s="7" t="s">
        <v>1132</v>
      </c>
      <c r="C720" s="7" t="s">
        <v>703</v>
      </c>
      <c r="D720" s="7"/>
    </row>
    <row r="721" spans="1:4" s="3" customFormat="1" x14ac:dyDescent="0.15">
      <c r="A721" s="7" t="s">
        <v>704</v>
      </c>
      <c r="B721" s="7"/>
      <c r="C721" s="7" t="s">
        <v>1717</v>
      </c>
      <c r="D721" s="7"/>
    </row>
    <row r="722" spans="1:4" s="3" customFormat="1" x14ac:dyDescent="0.15">
      <c r="A722" s="33" t="s">
        <v>2397</v>
      </c>
      <c r="B722" s="1" t="s">
        <v>2398</v>
      </c>
      <c r="C722" s="7" t="s">
        <v>1166</v>
      </c>
      <c r="D722" s="7"/>
    </row>
    <row r="723" spans="1:4" s="3" customFormat="1" x14ac:dyDescent="0.15">
      <c r="A723" s="33" t="s">
        <v>2437</v>
      </c>
      <c r="B723" s="1" t="s">
        <v>2471</v>
      </c>
      <c r="C723" s="7" t="s">
        <v>2436</v>
      </c>
      <c r="D723" s="7"/>
    </row>
    <row r="724" spans="1:4" s="3" customFormat="1" x14ac:dyDescent="0.15">
      <c r="A724" s="7" t="s">
        <v>705</v>
      </c>
      <c r="B724" s="7" t="s">
        <v>1132</v>
      </c>
      <c r="C724" s="7" t="s">
        <v>1325</v>
      </c>
      <c r="D724" s="7"/>
    </row>
    <row r="725" spans="1:4" s="3" customFormat="1" x14ac:dyDescent="0.15">
      <c r="A725" s="7" t="s">
        <v>706</v>
      </c>
      <c r="B725" s="7" t="s">
        <v>1132</v>
      </c>
      <c r="C725" s="7" t="s">
        <v>1260</v>
      </c>
      <c r="D725" s="7"/>
    </row>
    <row r="726" spans="1:4" s="3" customFormat="1" x14ac:dyDescent="0.15">
      <c r="A726" s="7" t="s">
        <v>2399</v>
      </c>
      <c r="B726" s="7"/>
      <c r="C726" s="7" t="s">
        <v>1260</v>
      </c>
      <c r="D726" s="7"/>
    </row>
    <row r="727" spans="1:4" s="3" customFormat="1" x14ac:dyDescent="0.15">
      <c r="A727" s="7" t="s">
        <v>707</v>
      </c>
      <c r="B727" s="7" t="s">
        <v>1132</v>
      </c>
      <c r="C727" s="7" t="s">
        <v>1260</v>
      </c>
      <c r="D727" s="7"/>
    </row>
    <row r="728" spans="1:4" s="3" customFormat="1" x14ac:dyDescent="0.15">
      <c r="A728" s="7" t="s">
        <v>708</v>
      </c>
      <c r="B728" s="7" t="s">
        <v>1132</v>
      </c>
      <c r="C728" s="7" t="s">
        <v>1260</v>
      </c>
      <c r="D728" s="7"/>
    </row>
    <row r="729" spans="1:4" s="3" customFormat="1" x14ac:dyDescent="0.15">
      <c r="A729" s="7" t="s">
        <v>709</v>
      </c>
      <c r="B729" s="7"/>
      <c r="C729" s="7" t="s">
        <v>1257</v>
      </c>
      <c r="D729" s="7"/>
    </row>
    <row r="730" spans="1:4" s="3" customFormat="1" x14ac:dyDescent="0.15">
      <c r="A730" s="7" t="s">
        <v>1609</v>
      </c>
      <c r="B730" s="7"/>
      <c r="C730" s="7" t="s">
        <v>152</v>
      </c>
      <c r="D730" s="7" t="s">
        <v>1821</v>
      </c>
    </row>
    <row r="731" spans="1:4" s="3" customFormat="1" x14ac:dyDescent="0.15">
      <c r="A731" s="7" t="s">
        <v>710</v>
      </c>
      <c r="B731" s="7" t="s">
        <v>711</v>
      </c>
      <c r="C731" s="7" t="s">
        <v>712</v>
      </c>
      <c r="D731" s="7"/>
    </row>
    <row r="732" spans="1:4" s="3" customFormat="1" x14ac:dyDescent="0.15">
      <c r="A732" s="7" t="s">
        <v>713</v>
      </c>
      <c r="B732" s="7" t="s">
        <v>1132</v>
      </c>
      <c r="C732" s="7" t="s">
        <v>1260</v>
      </c>
      <c r="D732" s="7"/>
    </row>
    <row r="733" spans="1:4" s="3" customFormat="1" x14ac:dyDescent="0.15">
      <c r="A733" s="33" t="s">
        <v>2400</v>
      </c>
      <c r="B733" s="1" t="s">
        <v>2401</v>
      </c>
      <c r="C733" s="7" t="s">
        <v>1642</v>
      </c>
      <c r="D733" s="7"/>
    </row>
    <row r="734" spans="1:4" s="3" customFormat="1" ht="34.5" x14ac:dyDescent="0.15">
      <c r="A734" s="33" t="s">
        <v>2578</v>
      </c>
      <c r="B734" s="1" t="s">
        <v>2579</v>
      </c>
      <c r="C734" s="7" t="s">
        <v>2580</v>
      </c>
      <c r="D734" s="7" t="s">
        <v>2581</v>
      </c>
    </row>
    <row r="735" spans="1:4" s="3" customFormat="1" x14ac:dyDescent="0.15">
      <c r="A735" s="7" t="s">
        <v>714</v>
      </c>
      <c r="B735" s="7" t="s">
        <v>1132</v>
      </c>
      <c r="C735" s="7" t="s">
        <v>1257</v>
      </c>
      <c r="D735" s="7"/>
    </row>
    <row r="736" spans="1:4" s="3" customFormat="1" x14ac:dyDescent="0.15">
      <c r="A736" s="7" t="s">
        <v>715</v>
      </c>
      <c r="B736" s="7" t="s">
        <v>1132</v>
      </c>
      <c r="C736" s="7" t="s">
        <v>716</v>
      </c>
      <c r="D736" s="7"/>
    </row>
    <row r="737" spans="1:4" s="3" customFormat="1" x14ac:dyDescent="0.15">
      <c r="A737" s="7" t="s">
        <v>717</v>
      </c>
      <c r="B737" s="7"/>
      <c r="C737" s="7" t="s">
        <v>718</v>
      </c>
      <c r="D737" s="7"/>
    </row>
    <row r="738" spans="1:4" s="3" customFormat="1" ht="69" x14ac:dyDescent="0.15">
      <c r="A738" s="1" t="s">
        <v>2402</v>
      </c>
      <c r="B738" s="1" t="s">
        <v>2403</v>
      </c>
      <c r="C738" s="1" t="s">
        <v>291</v>
      </c>
      <c r="D738" s="1"/>
    </row>
    <row r="739" spans="1:4" s="3" customFormat="1" ht="34.5" x14ac:dyDescent="0.15">
      <c r="A739" s="7" t="s">
        <v>2404</v>
      </c>
      <c r="B739" s="7" t="s">
        <v>719</v>
      </c>
      <c r="C739" s="7" t="s">
        <v>1260</v>
      </c>
      <c r="D739" s="7"/>
    </row>
    <row r="740" spans="1:4" s="3" customFormat="1" ht="34.5" x14ac:dyDescent="0.15">
      <c r="A740" s="7" t="s">
        <v>2405</v>
      </c>
      <c r="B740" s="7" t="s">
        <v>720</v>
      </c>
      <c r="C740" s="7" t="s">
        <v>1260</v>
      </c>
      <c r="D740" s="7"/>
    </row>
    <row r="741" spans="1:4" s="3" customFormat="1" x14ac:dyDescent="0.15">
      <c r="A741" s="1" t="s">
        <v>721</v>
      </c>
      <c r="B741" s="1" t="s">
        <v>722</v>
      </c>
      <c r="C741" s="1" t="s">
        <v>723</v>
      </c>
      <c r="D741" s="1"/>
    </row>
    <row r="742" spans="1:4" s="3" customFormat="1" ht="34.5" x14ac:dyDescent="0.15">
      <c r="A742" s="7" t="s">
        <v>2406</v>
      </c>
      <c r="B742" s="7" t="s">
        <v>2741</v>
      </c>
      <c r="C742" s="7" t="s">
        <v>1257</v>
      </c>
      <c r="D742" s="7"/>
    </row>
    <row r="743" spans="1:4" s="3" customFormat="1" x14ac:dyDescent="0.15">
      <c r="A743" s="1" t="s">
        <v>724</v>
      </c>
      <c r="B743" s="1"/>
      <c r="C743" s="1" t="s">
        <v>1325</v>
      </c>
      <c r="D743" s="7"/>
    </row>
    <row r="744" spans="1:4" s="3" customFormat="1" x14ac:dyDescent="0.15">
      <c r="A744" s="7" t="s">
        <v>725</v>
      </c>
      <c r="B744" s="7" t="s">
        <v>726</v>
      </c>
      <c r="C744" s="7" t="s">
        <v>1555</v>
      </c>
      <c r="D744" s="7"/>
    </row>
    <row r="745" spans="1:4" s="3" customFormat="1" x14ac:dyDescent="0.15">
      <c r="A745" s="7" t="s">
        <v>727</v>
      </c>
      <c r="B745" s="7" t="s">
        <v>728</v>
      </c>
      <c r="C745" s="7" t="s">
        <v>729</v>
      </c>
      <c r="D745" s="7"/>
    </row>
    <row r="746" spans="1:4" s="3" customFormat="1" x14ac:dyDescent="0.15">
      <c r="A746" s="7" t="s">
        <v>730</v>
      </c>
      <c r="B746" s="7" t="s">
        <v>731</v>
      </c>
      <c r="C746" s="7" t="s">
        <v>732</v>
      </c>
      <c r="D746" s="7"/>
    </row>
    <row r="747" spans="1:4" s="3" customFormat="1" x14ac:dyDescent="0.15">
      <c r="A747" s="7" t="s">
        <v>733</v>
      </c>
      <c r="B747" s="7" t="s">
        <v>734</v>
      </c>
      <c r="C747" s="7" t="s">
        <v>2508</v>
      </c>
      <c r="D747" s="7"/>
    </row>
    <row r="748" spans="1:4" s="3" customFormat="1" x14ac:dyDescent="0.15">
      <c r="A748" s="1" t="s">
        <v>2407</v>
      </c>
      <c r="B748" s="1" t="s">
        <v>2408</v>
      </c>
      <c r="C748" s="1" t="s">
        <v>1260</v>
      </c>
      <c r="D748" s="1"/>
    </row>
    <row r="749" spans="1:4" s="3" customFormat="1" x14ac:dyDescent="0.15">
      <c r="A749" s="7" t="s">
        <v>2409</v>
      </c>
      <c r="B749" s="7" t="s">
        <v>1132</v>
      </c>
      <c r="C749" s="7" t="s">
        <v>658</v>
      </c>
      <c r="D749" s="7" t="s">
        <v>2742</v>
      </c>
    </row>
    <row r="750" spans="1:4" s="3" customFormat="1" x14ac:dyDescent="0.15">
      <c r="A750" s="7" t="s">
        <v>735</v>
      </c>
      <c r="B750" s="7" t="s">
        <v>1132</v>
      </c>
      <c r="C750" s="7" t="s">
        <v>736</v>
      </c>
      <c r="D750" s="7"/>
    </row>
    <row r="751" spans="1:4" s="3" customFormat="1" ht="34.5" x14ac:dyDescent="0.15">
      <c r="A751" s="7" t="s">
        <v>2410</v>
      </c>
      <c r="B751" s="7" t="s">
        <v>737</v>
      </c>
      <c r="C751" s="7" t="s">
        <v>1277</v>
      </c>
      <c r="D751" s="7" t="s">
        <v>2635</v>
      </c>
    </row>
    <row r="752" spans="1:4" s="3" customFormat="1" x14ac:dyDescent="0.15">
      <c r="A752" s="7" t="s">
        <v>613</v>
      </c>
      <c r="B752" s="7" t="s">
        <v>2411</v>
      </c>
      <c r="C752" s="7" t="s">
        <v>610</v>
      </c>
      <c r="D752" s="7"/>
    </row>
    <row r="753" spans="1:4" s="3" customFormat="1" x14ac:dyDescent="0.15">
      <c r="A753" s="7" t="s">
        <v>738</v>
      </c>
      <c r="B753" s="7" t="s">
        <v>739</v>
      </c>
      <c r="C753" s="7" t="s">
        <v>1257</v>
      </c>
      <c r="D753" s="7"/>
    </row>
    <row r="754" spans="1:4" s="3" customFormat="1" x14ac:dyDescent="0.15">
      <c r="A754" s="7" t="s">
        <v>740</v>
      </c>
      <c r="B754" s="7" t="s">
        <v>741</v>
      </c>
      <c r="C754" s="7" t="s">
        <v>2517</v>
      </c>
      <c r="D754" s="7"/>
    </row>
    <row r="755" spans="1:4" s="3" customFormat="1" x14ac:dyDescent="0.15">
      <c r="A755" s="7" t="s">
        <v>742</v>
      </c>
      <c r="B755" s="7" t="s">
        <v>2519</v>
      </c>
      <c r="C755" s="7" t="s">
        <v>2520</v>
      </c>
      <c r="D755" s="7"/>
    </row>
    <row r="756" spans="1:4" s="3" customFormat="1" ht="34.5" x14ac:dyDescent="0.15">
      <c r="A756" s="7" t="s">
        <v>2412</v>
      </c>
      <c r="B756" s="7" t="s">
        <v>2743</v>
      </c>
      <c r="C756" s="7" t="s">
        <v>1300</v>
      </c>
      <c r="D756" s="7"/>
    </row>
    <row r="757" spans="1:4" s="3" customFormat="1" x14ac:dyDescent="0.15">
      <c r="A757" s="7" t="s">
        <v>743</v>
      </c>
      <c r="B757" s="7" t="s">
        <v>1132</v>
      </c>
      <c r="C757" s="7" t="s">
        <v>1464</v>
      </c>
      <c r="D757" s="7"/>
    </row>
    <row r="758" spans="1:4" s="3" customFormat="1" x14ac:dyDescent="0.15">
      <c r="A758" s="1" t="s">
        <v>2413</v>
      </c>
      <c r="B758" s="1" t="s">
        <v>2414</v>
      </c>
      <c r="C758" s="1" t="s">
        <v>2415</v>
      </c>
      <c r="D758" s="1"/>
    </row>
    <row r="759" spans="1:4" s="3" customFormat="1" x14ac:dyDescent="0.15">
      <c r="A759" s="7" t="s">
        <v>2416</v>
      </c>
      <c r="B759" s="7" t="s">
        <v>744</v>
      </c>
      <c r="C759" s="7" t="s">
        <v>745</v>
      </c>
      <c r="D759" s="7"/>
    </row>
    <row r="760" spans="1:4" s="3" customFormat="1" x14ac:dyDescent="0.15">
      <c r="A760" s="7" t="s">
        <v>746</v>
      </c>
      <c r="B760" s="7" t="s">
        <v>1132</v>
      </c>
      <c r="C760" s="7" t="s">
        <v>1413</v>
      </c>
      <c r="D760" s="7"/>
    </row>
    <row r="761" spans="1:4" s="3" customFormat="1" x14ac:dyDescent="0.15">
      <c r="A761" s="7" t="s">
        <v>747</v>
      </c>
      <c r="B761" s="7" t="s">
        <v>1132</v>
      </c>
      <c r="C761" s="7" t="s">
        <v>1257</v>
      </c>
      <c r="D761" s="7"/>
    </row>
    <row r="762" spans="1:4" s="3" customFormat="1" x14ac:dyDescent="0.15">
      <c r="A762" s="7" t="s">
        <v>748</v>
      </c>
      <c r="B762" s="7" t="s">
        <v>1132</v>
      </c>
      <c r="C762" s="7" t="s">
        <v>1258</v>
      </c>
      <c r="D762" s="7"/>
    </row>
    <row r="763" spans="1:4" s="3" customFormat="1" x14ac:dyDescent="0.15">
      <c r="A763" s="7" t="s">
        <v>749</v>
      </c>
      <c r="B763" s="7" t="s">
        <v>750</v>
      </c>
      <c r="C763" s="7" t="s">
        <v>1257</v>
      </c>
      <c r="D763" s="7"/>
    </row>
    <row r="764" spans="1:4" s="3" customFormat="1" x14ac:dyDescent="0.15">
      <c r="A764" s="7" t="s">
        <v>751</v>
      </c>
      <c r="B764" s="7" t="s">
        <v>752</v>
      </c>
      <c r="C764" s="7" t="s">
        <v>1596</v>
      </c>
      <c r="D764" s="7"/>
    </row>
    <row r="765" spans="1:4" s="3" customFormat="1" x14ac:dyDescent="0.15">
      <c r="A765" s="7" t="s">
        <v>1621</v>
      </c>
      <c r="B765" s="7" t="s">
        <v>2417</v>
      </c>
      <c r="C765" s="7" t="s">
        <v>292</v>
      </c>
      <c r="D765" s="32"/>
    </row>
    <row r="766" spans="1:4" s="3" customFormat="1" x14ac:dyDescent="0.15">
      <c r="A766" s="7" t="s">
        <v>753</v>
      </c>
      <c r="B766" s="7" t="s">
        <v>1132</v>
      </c>
      <c r="C766" s="7" t="s">
        <v>1751</v>
      </c>
      <c r="D766" s="7"/>
    </row>
    <row r="767" spans="1:4" s="3" customFormat="1" x14ac:dyDescent="0.15">
      <c r="A767" s="1" t="s">
        <v>754</v>
      </c>
      <c r="B767" s="1"/>
      <c r="C767" s="1" t="s">
        <v>1269</v>
      </c>
      <c r="D767" s="7"/>
    </row>
    <row r="768" spans="1:4" s="3" customFormat="1" x14ac:dyDescent="0.15">
      <c r="A768" s="7" t="s">
        <v>755</v>
      </c>
      <c r="B768" s="7"/>
      <c r="C768" s="7" t="s">
        <v>1751</v>
      </c>
      <c r="D768" s="7"/>
    </row>
    <row r="769" spans="1:4" s="3" customFormat="1" x14ac:dyDescent="0.15">
      <c r="A769" s="7" t="s">
        <v>756</v>
      </c>
      <c r="B769" s="7" t="s">
        <v>757</v>
      </c>
      <c r="C769" s="7" t="s">
        <v>1325</v>
      </c>
      <c r="D769" s="7"/>
    </row>
    <row r="770" spans="1:4" s="3" customFormat="1" x14ac:dyDescent="0.15">
      <c r="A770" s="7" t="s">
        <v>758</v>
      </c>
      <c r="B770" s="7" t="s">
        <v>1132</v>
      </c>
      <c r="C770" s="7" t="s">
        <v>1413</v>
      </c>
      <c r="D770" s="7"/>
    </row>
    <row r="771" spans="1:4" s="3" customFormat="1" x14ac:dyDescent="0.15">
      <c r="A771" s="7" t="s">
        <v>759</v>
      </c>
      <c r="B771" s="7"/>
      <c r="C771" s="7" t="s">
        <v>1830</v>
      </c>
      <c r="D771" s="7"/>
    </row>
    <row r="772" spans="1:4" s="3" customFormat="1" x14ac:dyDescent="0.15">
      <c r="A772" s="7" t="s">
        <v>760</v>
      </c>
      <c r="B772" s="7" t="s">
        <v>1132</v>
      </c>
      <c r="C772" s="7" t="s">
        <v>1843</v>
      </c>
      <c r="D772" s="7"/>
    </row>
    <row r="773" spans="1:4" s="3" customFormat="1" x14ac:dyDescent="0.15">
      <c r="A773" s="7" t="s">
        <v>2418</v>
      </c>
      <c r="B773" s="7" t="s">
        <v>2419</v>
      </c>
      <c r="C773" s="7" t="s">
        <v>1255</v>
      </c>
      <c r="D773" s="7"/>
    </row>
    <row r="774" spans="1:4" s="3" customFormat="1" x14ac:dyDescent="0.15">
      <c r="A774" s="7" t="s">
        <v>761</v>
      </c>
      <c r="B774" s="7" t="s">
        <v>762</v>
      </c>
      <c r="C774" s="7" t="s">
        <v>763</v>
      </c>
      <c r="D774" s="7"/>
    </row>
    <row r="775" spans="1:4" s="3" customFormat="1" x14ac:dyDescent="0.15">
      <c r="A775" s="7" t="s">
        <v>764</v>
      </c>
      <c r="B775" s="7" t="s">
        <v>2744</v>
      </c>
      <c r="C775" s="7" t="s">
        <v>765</v>
      </c>
      <c r="D775" s="7"/>
    </row>
    <row r="776" spans="1:4" s="3" customFormat="1" x14ac:dyDescent="0.15">
      <c r="A776" s="7" t="s">
        <v>766</v>
      </c>
      <c r="B776" s="7" t="s">
        <v>767</v>
      </c>
      <c r="C776" s="7" t="s">
        <v>1260</v>
      </c>
      <c r="D776" s="7"/>
    </row>
    <row r="777" spans="1:4" s="3" customFormat="1" x14ac:dyDescent="0.15">
      <c r="A777" s="7" t="s">
        <v>768</v>
      </c>
      <c r="B777" s="7" t="s">
        <v>769</v>
      </c>
      <c r="C777" s="7" t="s">
        <v>1947</v>
      </c>
      <c r="D777" s="7"/>
    </row>
    <row r="778" spans="1:4" s="3" customFormat="1" x14ac:dyDescent="0.15">
      <c r="A778" s="7" t="s">
        <v>770</v>
      </c>
      <c r="B778" s="7" t="s">
        <v>771</v>
      </c>
      <c r="C778" s="7" t="s">
        <v>1260</v>
      </c>
      <c r="D778" s="7"/>
    </row>
    <row r="779" spans="1:4" s="3" customFormat="1" x14ac:dyDescent="0.15">
      <c r="A779" s="7" t="s">
        <v>772</v>
      </c>
      <c r="B779" s="7" t="s">
        <v>773</v>
      </c>
      <c r="C779" s="7" t="s">
        <v>1277</v>
      </c>
      <c r="D779" s="7"/>
    </row>
    <row r="780" spans="1:4" s="3" customFormat="1" x14ac:dyDescent="0.15">
      <c r="A780" s="7" t="s">
        <v>774</v>
      </c>
      <c r="B780" s="7" t="s">
        <v>775</v>
      </c>
      <c r="C780" s="7" t="s">
        <v>776</v>
      </c>
      <c r="D780" s="7"/>
    </row>
    <row r="781" spans="1:4" s="3" customFormat="1" x14ac:dyDescent="0.15">
      <c r="A781" s="1" t="s">
        <v>777</v>
      </c>
      <c r="B781" s="1"/>
      <c r="C781" s="1" t="s">
        <v>1260</v>
      </c>
      <c r="D781" s="1"/>
    </row>
    <row r="782" spans="1:4" s="3" customFormat="1" x14ac:dyDescent="0.15">
      <c r="A782" s="7" t="s">
        <v>2420</v>
      </c>
      <c r="B782" s="7" t="s">
        <v>778</v>
      </c>
      <c r="C782" s="7" t="s">
        <v>1277</v>
      </c>
      <c r="D782" s="7"/>
    </row>
    <row r="783" spans="1:4" s="3" customFormat="1" x14ac:dyDescent="0.15">
      <c r="A783" s="7" t="s">
        <v>779</v>
      </c>
      <c r="B783" s="7" t="s">
        <v>1132</v>
      </c>
      <c r="C783" s="7" t="s">
        <v>1260</v>
      </c>
      <c r="D783" s="7"/>
    </row>
    <row r="784" spans="1:4" s="3" customFormat="1" x14ac:dyDescent="0.15">
      <c r="A784" s="7" t="s">
        <v>2561</v>
      </c>
      <c r="B784" s="7" t="s">
        <v>2562</v>
      </c>
      <c r="C784" s="7" t="s">
        <v>2563</v>
      </c>
      <c r="D784" s="7"/>
    </row>
    <row r="785" spans="1:4" s="3" customFormat="1" x14ac:dyDescent="0.15">
      <c r="A785" s="7" t="s">
        <v>780</v>
      </c>
      <c r="B785" s="7" t="s">
        <v>781</v>
      </c>
      <c r="C785" s="7" t="s">
        <v>554</v>
      </c>
      <c r="D785" s="7"/>
    </row>
    <row r="786" spans="1:4" s="3" customFormat="1" x14ac:dyDescent="0.15">
      <c r="A786" s="7" t="s">
        <v>782</v>
      </c>
      <c r="B786" s="7" t="s">
        <v>783</v>
      </c>
      <c r="C786" s="7" t="s">
        <v>1721</v>
      </c>
      <c r="D786" s="7"/>
    </row>
    <row r="787" spans="1:4" s="3" customFormat="1" x14ac:dyDescent="0.15">
      <c r="A787" s="7" t="s">
        <v>784</v>
      </c>
      <c r="B787" s="7" t="s">
        <v>785</v>
      </c>
      <c r="C787" s="7" t="s">
        <v>1260</v>
      </c>
      <c r="D787" s="7"/>
    </row>
    <row r="788" spans="1:4" s="3" customFormat="1" ht="34.5" x14ac:dyDescent="0.15">
      <c r="A788" s="7" t="s">
        <v>786</v>
      </c>
      <c r="B788" s="7" t="s">
        <v>787</v>
      </c>
      <c r="C788" s="7" t="s">
        <v>788</v>
      </c>
      <c r="D788" s="7"/>
    </row>
    <row r="789" spans="1:4" s="3" customFormat="1" x14ac:dyDescent="0.15">
      <c r="A789" s="7" t="s">
        <v>789</v>
      </c>
      <c r="B789" s="7" t="s">
        <v>790</v>
      </c>
      <c r="C789" s="7" t="s">
        <v>1267</v>
      </c>
      <c r="D789" s="7"/>
    </row>
    <row r="790" spans="1:4" s="3" customFormat="1" x14ac:dyDescent="0.15">
      <c r="A790" s="7" t="s">
        <v>791</v>
      </c>
      <c r="B790" s="7"/>
      <c r="C790" s="7" t="s">
        <v>1538</v>
      </c>
      <c r="D790" s="7"/>
    </row>
    <row r="791" spans="1:4" s="3" customFormat="1" x14ac:dyDescent="0.15">
      <c r="A791" s="7" t="s">
        <v>792</v>
      </c>
      <c r="B791" s="7" t="s">
        <v>1132</v>
      </c>
      <c r="C791" s="7" t="s">
        <v>1325</v>
      </c>
      <c r="D791" s="7"/>
    </row>
    <row r="792" spans="1:4" x14ac:dyDescent="0.2">
      <c r="A792" s="1" t="s">
        <v>793</v>
      </c>
      <c r="B792" s="1"/>
      <c r="C792" s="1" t="s">
        <v>1416</v>
      </c>
      <c r="D792" s="1"/>
    </row>
    <row r="793" spans="1:4" x14ac:dyDescent="0.2">
      <c r="A793" s="1" t="s">
        <v>794</v>
      </c>
      <c r="B793" s="1"/>
      <c r="C793" s="1" t="s">
        <v>1717</v>
      </c>
      <c r="D793" s="7"/>
    </row>
    <row r="794" spans="1:4" x14ac:dyDescent="0.2">
      <c r="A794" s="7" t="s">
        <v>795</v>
      </c>
      <c r="B794" s="7" t="s">
        <v>796</v>
      </c>
      <c r="C794" s="7" t="s">
        <v>1267</v>
      </c>
      <c r="D794" s="7"/>
    </row>
    <row r="795" spans="1:4" x14ac:dyDescent="0.2">
      <c r="A795" s="7" t="s">
        <v>797</v>
      </c>
      <c r="B795" s="7" t="s">
        <v>798</v>
      </c>
      <c r="C795" s="7" t="s">
        <v>1260</v>
      </c>
      <c r="D795" s="7"/>
    </row>
    <row r="796" spans="1:4" x14ac:dyDescent="0.2">
      <c r="A796" s="1" t="s">
        <v>799</v>
      </c>
      <c r="B796" s="1"/>
      <c r="C796" s="1" t="s">
        <v>1257</v>
      </c>
      <c r="D796" s="1"/>
    </row>
    <row r="797" spans="1:4" x14ac:dyDescent="0.2">
      <c r="A797" s="7" t="s">
        <v>800</v>
      </c>
      <c r="B797" s="7" t="s">
        <v>1132</v>
      </c>
      <c r="C797" s="7" t="s">
        <v>1464</v>
      </c>
      <c r="D797" s="7"/>
    </row>
    <row r="798" spans="1:4" x14ac:dyDescent="0.2">
      <c r="A798" s="1" t="s">
        <v>801</v>
      </c>
      <c r="B798" s="1"/>
      <c r="C798" s="1" t="s">
        <v>1325</v>
      </c>
      <c r="D798" s="1"/>
    </row>
    <row r="799" spans="1:4" x14ac:dyDescent="0.2">
      <c r="A799" s="7" t="s">
        <v>802</v>
      </c>
      <c r="B799" s="7"/>
      <c r="C799" s="7" t="s">
        <v>803</v>
      </c>
      <c r="D799" s="7"/>
    </row>
    <row r="800" spans="1:4" x14ac:dyDescent="0.2">
      <c r="A800" s="7" t="s">
        <v>804</v>
      </c>
      <c r="B800" s="7"/>
      <c r="C800" s="7" t="s">
        <v>1260</v>
      </c>
      <c r="D800" s="7"/>
    </row>
    <row r="801" spans="1:4" s="3" customFormat="1" x14ac:dyDescent="0.15">
      <c r="A801" s="7" t="s">
        <v>805</v>
      </c>
      <c r="B801" s="7"/>
      <c r="C801" s="7" t="s">
        <v>1292</v>
      </c>
      <c r="D801" s="7"/>
    </row>
    <row r="802" spans="1:4" x14ac:dyDescent="0.2">
      <c r="A802" s="7" t="s">
        <v>1633</v>
      </c>
      <c r="B802" s="7" t="s">
        <v>2421</v>
      </c>
      <c r="C802" s="7" t="s">
        <v>1255</v>
      </c>
      <c r="D802" s="7"/>
    </row>
    <row r="803" spans="1:4" x14ac:dyDescent="0.2">
      <c r="A803" s="7" t="s">
        <v>806</v>
      </c>
      <c r="B803" s="7" t="s">
        <v>807</v>
      </c>
      <c r="C803" s="7" t="s">
        <v>1464</v>
      </c>
      <c r="D803" s="7"/>
    </row>
    <row r="804" spans="1:4" x14ac:dyDescent="0.2">
      <c r="A804" s="7" t="s">
        <v>808</v>
      </c>
      <c r="B804" s="7" t="s">
        <v>809</v>
      </c>
      <c r="C804" s="7" t="s">
        <v>810</v>
      </c>
      <c r="D804" s="7"/>
    </row>
    <row r="805" spans="1:4" x14ac:dyDescent="0.2">
      <c r="A805" s="7" t="s">
        <v>2422</v>
      </c>
      <c r="B805" s="7" t="s">
        <v>811</v>
      </c>
      <c r="C805" s="7" t="s">
        <v>812</v>
      </c>
      <c r="D805" s="7"/>
    </row>
    <row r="806" spans="1:4" x14ac:dyDescent="0.2">
      <c r="A806" s="7" t="s">
        <v>813</v>
      </c>
      <c r="B806" s="7"/>
      <c r="C806" s="7" t="s">
        <v>1257</v>
      </c>
      <c r="D806" s="7"/>
    </row>
    <row r="807" spans="1:4" x14ac:dyDescent="0.2">
      <c r="A807" s="7" t="s">
        <v>814</v>
      </c>
      <c r="B807" s="7" t="s">
        <v>815</v>
      </c>
      <c r="C807" s="7" t="s">
        <v>658</v>
      </c>
      <c r="D807" s="7"/>
    </row>
    <row r="808" spans="1:4" x14ac:dyDescent="0.2">
      <c r="A808" s="7" t="s">
        <v>816</v>
      </c>
      <c r="B808" s="7" t="s">
        <v>1132</v>
      </c>
      <c r="C808" s="7" t="s">
        <v>1260</v>
      </c>
      <c r="D808" s="7"/>
    </row>
    <row r="809" spans="1:4" s="3" customFormat="1" x14ac:dyDescent="0.15">
      <c r="A809" s="7" t="s">
        <v>2423</v>
      </c>
      <c r="B809" s="7" t="s">
        <v>2745</v>
      </c>
      <c r="C809" s="7" t="s">
        <v>2539</v>
      </c>
      <c r="D809" s="7"/>
    </row>
    <row r="810" spans="1:4" x14ac:dyDescent="0.2">
      <c r="A810" s="7" t="s">
        <v>2424</v>
      </c>
      <c r="B810" s="7" t="s">
        <v>1851</v>
      </c>
      <c r="C810" s="7" t="s">
        <v>293</v>
      </c>
      <c r="D810" s="7"/>
    </row>
    <row r="811" spans="1:4" x14ac:dyDescent="0.2">
      <c r="A811" s="7" t="s">
        <v>819</v>
      </c>
      <c r="B811" s="7" t="s">
        <v>1132</v>
      </c>
      <c r="C811" s="7" t="s">
        <v>1260</v>
      </c>
      <c r="D811" s="7"/>
    </row>
    <row r="812" spans="1:4" ht="34.5" x14ac:dyDescent="0.2">
      <c r="A812" s="7" t="s">
        <v>2547</v>
      </c>
      <c r="B812" s="7"/>
      <c r="C812" s="7" t="s">
        <v>1712</v>
      </c>
      <c r="D812" s="7" t="s">
        <v>2548</v>
      </c>
    </row>
    <row r="813" spans="1:4" s="3" customFormat="1" x14ac:dyDescent="0.15">
      <c r="A813" s="7" t="s">
        <v>820</v>
      </c>
      <c r="B813" s="7" t="s">
        <v>821</v>
      </c>
      <c r="C813" s="7" t="s">
        <v>1538</v>
      </c>
      <c r="D813" s="7"/>
    </row>
    <row r="814" spans="1:4" x14ac:dyDescent="0.2">
      <c r="A814" s="7" t="s">
        <v>822</v>
      </c>
      <c r="B814" s="7"/>
      <c r="C814" s="7" t="s">
        <v>1257</v>
      </c>
      <c r="D814" s="7"/>
    </row>
    <row r="815" spans="1:4" x14ac:dyDescent="0.2">
      <c r="A815" s="7" t="s">
        <v>2507</v>
      </c>
      <c r="B815" s="7"/>
      <c r="C815" s="7" t="s">
        <v>1257</v>
      </c>
      <c r="D815" s="7"/>
    </row>
    <row r="816" spans="1:4" x14ac:dyDescent="0.2">
      <c r="A816" s="1" t="s">
        <v>2425</v>
      </c>
      <c r="B816" s="1" t="s">
        <v>2426</v>
      </c>
      <c r="C816" s="1" t="s">
        <v>1257</v>
      </c>
      <c r="D816" s="1" t="s">
        <v>2427</v>
      </c>
    </row>
    <row r="817" spans="1:4" x14ac:dyDescent="0.2">
      <c r="A817" s="7" t="s">
        <v>823</v>
      </c>
      <c r="B817" s="7" t="s">
        <v>1132</v>
      </c>
      <c r="C817" s="7" t="s">
        <v>1331</v>
      </c>
      <c r="D817" s="7"/>
    </row>
    <row r="818" spans="1:4" x14ac:dyDescent="0.2">
      <c r="A818" s="7" t="s">
        <v>824</v>
      </c>
      <c r="B818" s="7" t="s">
        <v>825</v>
      </c>
      <c r="C818" s="7" t="s">
        <v>1260</v>
      </c>
      <c r="D818" s="7"/>
    </row>
    <row r="819" spans="1:4" x14ac:dyDescent="0.2">
      <c r="A819" s="7" t="s">
        <v>826</v>
      </c>
      <c r="B819" s="7"/>
      <c r="C819" s="7" t="s">
        <v>827</v>
      </c>
      <c r="D819" s="7"/>
    </row>
    <row r="820" spans="1:4" x14ac:dyDescent="0.2">
      <c r="A820" s="7" t="s">
        <v>828</v>
      </c>
      <c r="B820" s="7" t="s">
        <v>1132</v>
      </c>
      <c r="C820" s="7" t="s">
        <v>829</v>
      </c>
      <c r="D820" s="7"/>
    </row>
    <row r="821" spans="1:4" x14ac:dyDescent="0.2">
      <c r="A821" s="7" t="s">
        <v>830</v>
      </c>
      <c r="B821" s="7" t="s">
        <v>831</v>
      </c>
      <c r="C821" s="7" t="s">
        <v>1257</v>
      </c>
      <c r="D821" s="7"/>
    </row>
    <row r="822" spans="1:4" x14ac:dyDescent="0.2">
      <c r="A822" s="7" t="s">
        <v>832</v>
      </c>
      <c r="B822" s="7"/>
      <c r="C822" s="7" t="s">
        <v>833</v>
      </c>
      <c r="D822" s="7"/>
    </row>
    <row r="823" spans="1:4" x14ac:dyDescent="0.2">
      <c r="A823" s="7" t="s">
        <v>834</v>
      </c>
      <c r="B823" s="7" t="s">
        <v>835</v>
      </c>
      <c r="C823" s="7" t="s">
        <v>1260</v>
      </c>
      <c r="D823" s="7"/>
    </row>
    <row r="824" spans="1:4" x14ac:dyDescent="0.2">
      <c r="A824" s="7" t="s">
        <v>836</v>
      </c>
      <c r="B824" s="7" t="s">
        <v>837</v>
      </c>
      <c r="C824" s="7" t="s">
        <v>1255</v>
      </c>
      <c r="D824" s="7"/>
    </row>
    <row r="825" spans="1:4" x14ac:dyDescent="0.2">
      <c r="A825" s="7" t="s">
        <v>838</v>
      </c>
      <c r="B825" s="7" t="s">
        <v>839</v>
      </c>
      <c r="C825" s="7" t="s">
        <v>1538</v>
      </c>
      <c r="D825" s="7"/>
    </row>
    <row r="826" spans="1:4" s="3" customFormat="1" x14ac:dyDescent="0.15">
      <c r="A826" s="1" t="s">
        <v>840</v>
      </c>
      <c r="B826" s="1"/>
      <c r="C826" s="1" t="s">
        <v>1277</v>
      </c>
      <c r="D826" s="7"/>
    </row>
    <row r="827" spans="1:4" x14ac:dyDescent="0.2">
      <c r="A827" s="7" t="s">
        <v>2428</v>
      </c>
      <c r="B827" s="7" t="s">
        <v>2429</v>
      </c>
      <c r="C827" s="7" t="s">
        <v>1272</v>
      </c>
      <c r="D827" s="7"/>
    </row>
    <row r="828" spans="1:4" x14ac:dyDescent="0.2">
      <c r="A828" s="20" t="s">
        <v>2430</v>
      </c>
      <c r="B828" s="58"/>
      <c r="C828" s="58"/>
      <c r="D828" s="36"/>
    </row>
    <row r="829" spans="1:4" x14ac:dyDescent="0.2">
      <c r="A829" s="20" t="s">
        <v>2431</v>
      </c>
      <c r="B829" s="58"/>
      <c r="C829" s="58"/>
      <c r="D829" s="36"/>
    </row>
    <row r="830" spans="1:4" x14ac:dyDescent="0.2">
      <c r="A830" s="20" t="s">
        <v>1665</v>
      </c>
      <c r="B830" s="58"/>
      <c r="C830" s="58"/>
      <c r="D830" s="36"/>
    </row>
    <row r="831" spans="1:4" x14ac:dyDescent="0.2">
      <c r="A831" s="20" t="s">
        <v>2134</v>
      </c>
      <c r="B831" s="58"/>
      <c r="C831" s="58"/>
      <c r="D831" s="36"/>
    </row>
    <row r="832" spans="1:4" x14ac:dyDescent="0.2">
      <c r="A832" s="20" t="s">
        <v>2432</v>
      </c>
      <c r="B832" s="58"/>
      <c r="C832" s="58"/>
      <c r="D832" s="58"/>
    </row>
    <row r="833" spans="1:4" x14ac:dyDescent="0.2">
      <c r="A833" s="58"/>
      <c r="B833" s="58"/>
      <c r="C833" s="58"/>
      <c r="D833" s="58"/>
    </row>
    <row r="834" spans="1:4" x14ac:dyDescent="0.2">
      <c r="A834" s="58"/>
      <c r="B834" s="58"/>
      <c r="C834" s="58"/>
      <c r="D834" s="58"/>
    </row>
    <row r="835" spans="1:4" x14ac:dyDescent="0.2">
      <c r="A835" s="58"/>
      <c r="B835" s="58"/>
      <c r="C835" s="58"/>
      <c r="D835" s="58"/>
    </row>
    <row r="836" spans="1:4" x14ac:dyDescent="0.2">
      <c r="A836" s="58"/>
      <c r="B836" s="58"/>
      <c r="C836" s="58"/>
      <c r="D836" s="58"/>
    </row>
    <row r="837" spans="1:4" x14ac:dyDescent="0.2">
      <c r="A837" s="58"/>
      <c r="B837" s="58"/>
      <c r="C837" s="58"/>
      <c r="D837" s="58"/>
    </row>
    <row r="838" spans="1:4" x14ac:dyDescent="0.2">
      <c r="A838" s="58"/>
      <c r="B838" s="58"/>
      <c r="C838" s="58"/>
      <c r="D838" s="58"/>
    </row>
    <row r="839" spans="1:4" x14ac:dyDescent="0.2">
      <c r="A839" s="58"/>
      <c r="B839" s="58"/>
      <c r="C839" s="58"/>
      <c r="D839" s="58"/>
    </row>
    <row r="840" spans="1:4" x14ac:dyDescent="0.2">
      <c r="A840" s="58"/>
      <c r="B840" s="58"/>
      <c r="C840" s="58"/>
      <c r="D840" s="58"/>
    </row>
    <row r="841" spans="1:4" x14ac:dyDescent="0.2">
      <c r="A841" s="58"/>
      <c r="B841" s="58"/>
      <c r="C841" s="58"/>
      <c r="D841" s="58"/>
    </row>
    <row r="842" spans="1:4" x14ac:dyDescent="0.2">
      <c r="A842" s="58"/>
      <c r="B842" s="58"/>
      <c r="C842" s="58"/>
      <c r="D842" s="58"/>
    </row>
    <row r="843" spans="1:4" x14ac:dyDescent="0.2">
      <c r="A843" s="58"/>
      <c r="B843" s="58"/>
      <c r="C843" s="58"/>
      <c r="D843" s="58"/>
    </row>
    <row r="844" spans="1:4" x14ac:dyDescent="0.2">
      <c r="A844" s="58"/>
      <c r="B844" s="58"/>
      <c r="C844" s="58"/>
      <c r="D844" s="58"/>
    </row>
    <row r="845" spans="1:4" x14ac:dyDescent="0.2">
      <c r="A845" s="58"/>
      <c r="B845" s="58"/>
      <c r="C845" s="58"/>
      <c r="D845" s="58"/>
    </row>
    <row r="846" spans="1:4" x14ac:dyDescent="0.2">
      <c r="A846" s="58"/>
      <c r="B846" s="58"/>
      <c r="C846" s="58"/>
      <c r="D846" s="58"/>
    </row>
    <row r="847" spans="1:4" x14ac:dyDescent="0.2">
      <c r="A847" s="58"/>
      <c r="B847" s="58"/>
      <c r="C847" s="58"/>
      <c r="D847" s="58"/>
    </row>
    <row r="848" spans="1:4" x14ac:dyDescent="0.2">
      <c r="A848" s="58"/>
      <c r="B848" s="58"/>
      <c r="C848" s="58"/>
      <c r="D848" s="58"/>
    </row>
    <row r="849" spans="1:4" x14ac:dyDescent="0.2">
      <c r="A849" s="58"/>
      <c r="B849" s="58"/>
      <c r="C849" s="58"/>
      <c r="D849" s="58"/>
    </row>
    <row r="850" spans="1:4" x14ac:dyDescent="0.2">
      <c r="A850" s="58"/>
      <c r="B850" s="58"/>
      <c r="C850" s="58"/>
      <c r="D850" s="58"/>
    </row>
    <row r="851" spans="1:4" x14ac:dyDescent="0.2">
      <c r="A851" s="58"/>
      <c r="B851" s="58"/>
      <c r="C851" s="58"/>
      <c r="D851" s="58"/>
    </row>
    <row r="852" spans="1:4" x14ac:dyDescent="0.2">
      <c r="A852" s="58"/>
      <c r="B852" s="58"/>
      <c r="C852" s="58"/>
      <c r="D852" s="58"/>
    </row>
    <row r="853" spans="1:4" x14ac:dyDescent="0.2">
      <c r="A853" s="58"/>
      <c r="B853" s="58"/>
      <c r="C853" s="58"/>
      <c r="D853" s="58"/>
    </row>
    <row r="854" spans="1:4" x14ac:dyDescent="0.2">
      <c r="A854" s="58"/>
      <c r="B854" s="58"/>
      <c r="C854" s="58"/>
      <c r="D854" s="58"/>
    </row>
    <row r="855" spans="1:4" x14ac:dyDescent="0.2">
      <c r="A855" s="58"/>
      <c r="B855" s="58"/>
      <c r="C855" s="58"/>
      <c r="D855" s="58"/>
    </row>
    <row r="856" spans="1:4" x14ac:dyDescent="0.2">
      <c r="A856" s="58"/>
      <c r="B856" s="58"/>
      <c r="C856" s="58"/>
      <c r="D856" s="58"/>
    </row>
    <row r="857" spans="1:4" x14ac:dyDescent="0.2">
      <c r="A857" s="58"/>
      <c r="B857" s="58"/>
      <c r="C857" s="58"/>
      <c r="D857" s="58"/>
    </row>
    <row r="858" spans="1:4" x14ac:dyDescent="0.2">
      <c r="A858" s="58"/>
      <c r="B858" s="58"/>
      <c r="C858" s="58"/>
      <c r="D858" s="58"/>
    </row>
    <row r="859" spans="1:4" x14ac:dyDescent="0.2">
      <c r="A859" s="58"/>
      <c r="B859" s="58"/>
      <c r="C859" s="58"/>
      <c r="D859" s="58"/>
    </row>
    <row r="860" spans="1:4" x14ac:dyDescent="0.2">
      <c r="A860" s="58"/>
      <c r="B860" s="58"/>
      <c r="C860" s="58"/>
      <c r="D860" s="58"/>
    </row>
    <row r="861" spans="1:4" x14ac:dyDescent="0.2">
      <c r="A861" s="58"/>
      <c r="B861" s="58"/>
      <c r="C861" s="58"/>
      <c r="D861" s="58"/>
    </row>
    <row r="862" spans="1:4" x14ac:dyDescent="0.2">
      <c r="A862" s="58"/>
      <c r="B862" s="58"/>
      <c r="C862" s="58"/>
      <c r="D862" s="58"/>
    </row>
    <row r="863" spans="1:4" x14ac:dyDescent="0.2">
      <c r="A863" s="58"/>
      <c r="B863" s="58"/>
      <c r="C863" s="58"/>
      <c r="D863" s="58"/>
    </row>
    <row r="864" spans="1:4" x14ac:dyDescent="0.2">
      <c r="A864" s="58"/>
      <c r="B864" s="58"/>
      <c r="C864" s="58"/>
      <c r="D864" s="58"/>
    </row>
    <row r="865" spans="1:4" x14ac:dyDescent="0.2">
      <c r="A865" s="58"/>
      <c r="B865" s="58"/>
      <c r="C865" s="58"/>
      <c r="D865" s="58"/>
    </row>
    <row r="866" spans="1:4" x14ac:dyDescent="0.2">
      <c r="A866" s="58"/>
      <c r="B866" s="58"/>
      <c r="C866" s="58"/>
      <c r="D866" s="58"/>
    </row>
    <row r="867" spans="1:4" x14ac:dyDescent="0.2">
      <c r="A867" s="58"/>
      <c r="B867" s="58"/>
      <c r="C867" s="58"/>
      <c r="D867" s="58"/>
    </row>
    <row r="868" spans="1:4" x14ac:dyDescent="0.2">
      <c r="A868" s="58"/>
      <c r="B868" s="58"/>
      <c r="C868" s="58"/>
      <c r="D868" s="58"/>
    </row>
    <row r="869" spans="1:4" x14ac:dyDescent="0.2">
      <c r="A869" s="58"/>
      <c r="B869" s="58"/>
      <c r="C869" s="58"/>
      <c r="D869" s="58"/>
    </row>
    <row r="870" spans="1:4" x14ac:dyDescent="0.2">
      <c r="A870" s="58"/>
      <c r="B870" s="58"/>
      <c r="C870" s="58"/>
      <c r="D870" s="58"/>
    </row>
    <row r="871" spans="1:4" x14ac:dyDescent="0.2">
      <c r="A871" s="58"/>
      <c r="B871" s="58"/>
      <c r="C871" s="58"/>
      <c r="D871" s="58"/>
    </row>
    <row r="872" spans="1:4" x14ac:dyDescent="0.2">
      <c r="A872" s="58"/>
      <c r="B872" s="58"/>
      <c r="C872" s="58"/>
      <c r="D872" s="58"/>
    </row>
    <row r="873" spans="1:4" x14ac:dyDescent="0.2">
      <c r="A873" s="58"/>
      <c r="B873" s="58"/>
      <c r="C873" s="58"/>
      <c r="D873" s="58"/>
    </row>
    <row r="874" spans="1:4" x14ac:dyDescent="0.2">
      <c r="A874" s="58"/>
      <c r="B874" s="58"/>
      <c r="C874" s="58"/>
      <c r="D874" s="58"/>
    </row>
    <row r="875" spans="1:4" x14ac:dyDescent="0.2">
      <c r="A875" s="58"/>
      <c r="B875" s="58"/>
      <c r="C875" s="58"/>
      <c r="D875" s="58"/>
    </row>
    <row r="876" spans="1:4" x14ac:dyDescent="0.2">
      <c r="A876" s="58"/>
      <c r="B876" s="58"/>
      <c r="C876" s="58"/>
      <c r="D876" s="58"/>
    </row>
    <row r="877" spans="1:4" x14ac:dyDescent="0.2">
      <c r="A877" s="58"/>
      <c r="B877" s="58"/>
      <c r="C877" s="58"/>
      <c r="D877" s="58"/>
    </row>
    <row r="878" spans="1:4" x14ac:dyDescent="0.2">
      <c r="A878" s="58"/>
      <c r="B878" s="58"/>
      <c r="C878" s="58"/>
      <c r="D878" s="58"/>
    </row>
    <row r="879" spans="1:4" x14ac:dyDescent="0.2">
      <c r="A879" s="58"/>
      <c r="B879" s="58"/>
      <c r="C879" s="58"/>
      <c r="D879" s="58"/>
    </row>
    <row r="880" spans="1:4" x14ac:dyDescent="0.2">
      <c r="A880" s="58"/>
      <c r="B880" s="58"/>
      <c r="C880" s="58"/>
      <c r="D880" s="58"/>
    </row>
    <row r="881" spans="1:4" x14ac:dyDescent="0.2">
      <c r="A881" s="58"/>
      <c r="B881" s="58"/>
      <c r="C881" s="58"/>
      <c r="D881" s="58"/>
    </row>
    <row r="882" spans="1:4" x14ac:dyDescent="0.2">
      <c r="A882" s="58"/>
      <c r="B882" s="58"/>
      <c r="C882" s="58"/>
      <c r="D882" s="58"/>
    </row>
    <row r="883" spans="1:4" x14ac:dyDescent="0.2">
      <c r="A883" s="58"/>
      <c r="B883" s="58"/>
      <c r="C883" s="58"/>
      <c r="D883" s="58"/>
    </row>
    <row r="884" spans="1:4" x14ac:dyDescent="0.2">
      <c r="A884" s="58"/>
      <c r="B884" s="58"/>
      <c r="C884" s="58"/>
      <c r="D884" s="58"/>
    </row>
    <row r="885" spans="1:4" x14ac:dyDescent="0.2">
      <c r="A885" s="58"/>
      <c r="B885" s="58"/>
      <c r="C885" s="58"/>
      <c r="D885" s="58"/>
    </row>
    <row r="886" spans="1:4" x14ac:dyDescent="0.2">
      <c r="A886" s="58"/>
      <c r="B886" s="58"/>
      <c r="C886" s="58"/>
      <c r="D886" s="58"/>
    </row>
    <row r="887" spans="1:4" x14ac:dyDescent="0.2">
      <c r="A887" s="58"/>
      <c r="B887" s="58"/>
      <c r="C887" s="58"/>
      <c r="D887" s="58"/>
    </row>
    <row r="888" spans="1:4" x14ac:dyDescent="0.2">
      <c r="A888" s="58"/>
      <c r="B888" s="58"/>
      <c r="C888" s="58"/>
      <c r="D888" s="58"/>
    </row>
    <row r="889" spans="1:4" x14ac:dyDescent="0.2">
      <c r="A889" s="58"/>
      <c r="B889" s="58"/>
      <c r="C889" s="58"/>
      <c r="D889" s="58"/>
    </row>
    <row r="890" spans="1:4" x14ac:dyDescent="0.2">
      <c r="A890" s="58"/>
      <c r="B890" s="58"/>
      <c r="C890" s="58"/>
      <c r="D890" s="58"/>
    </row>
    <row r="891" spans="1:4" x14ac:dyDescent="0.2">
      <c r="A891" s="58"/>
      <c r="B891" s="58"/>
      <c r="C891" s="58"/>
      <c r="D891" s="58"/>
    </row>
    <row r="892" spans="1:4" x14ac:dyDescent="0.2">
      <c r="A892" s="58"/>
      <c r="B892" s="58"/>
      <c r="C892" s="58"/>
      <c r="D892" s="58"/>
    </row>
    <row r="893" spans="1:4" x14ac:dyDescent="0.2">
      <c r="A893" s="58"/>
      <c r="B893" s="58"/>
      <c r="C893" s="58"/>
      <c r="D893" s="58"/>
    </row>
    <row r="894" spans="1:4" x14ac:dyDescent="0.2">
      <c r="A894" s="58"/>
      <c r="B894" s="58"/>
      <c r="C894" s="58"/>
      <c r="D894" s="58"/>
    </row>
    <row r="895" spans="1:4" x14ac:dyDescent="0.2">
      <c r="A895" s="58"/>
      <c r="B895" s="58"/>
      <c r="C895" s="58"/>
      <c r="D895" s="58"/>
    </row>
    <row r="896" spans="1:4" x14ac:dyDescent="0.2">
      <c r="A896" s="58"/>
      <c r="B896" s="58"/>
      <c r="C896" s="58"/>
      <c r="D896" s="58"/>
    </row>
    <row r="897" spans="1:4" x14ac:dyDescent="0.2">
      <c r="A897" s="58"/>
      <c r="B897" s="58"/>
      <c r="C897" s="58"/>
      <c r="D897" s="58"/>
    </row>
    <row r="898" spans="1:4" x14ac:dyDescent="0.2">
      <c r="A898" s="58"/>
      <c r="B898" s="58"/>
      <c r="C898" s="58"/>
      <c r="D898" s="58"/>
    </row>
    <row r="899" spans="1:4" x14ac:dyDescent="0.2">
      <c r="A899" s="58"/>
      <c r="B899" s="58"/>
      <c r="C899" s="58"/>
      <c r="D899" s="58"/>
    </row>
    <row r="900" spans="1:4" x14ac:dyDescent="0.2">
      <c r="A900" s="58"/>
      <c r="B900" s="58"/>
      <c r="C900" s="58"/>
      <c r="D900" s="58"/>
    </row>
    <row r="901" spans="1:4" x14ac:dyDescent="0.2">
      <c r="A901" s="58"/>
      <c r="B901" s="58"/>
      <c r="C901" s="58"/>
      <c r="D901" s="58"/>
    </row>
    <row r="902" spans="1:4" x14ac:dyDescent="0.2">
      <c r="A902" s="58"/>
      <c r="B902" s="58"/>
      <c r="C902" s="58"/>
      <c r="D902" s="58"/>
    </row>
    <row r="903" spans="1:4" x14ac:dyDescent="0.2">
      <c r="A903" s="58"/>
      <c r="B903" s="58"/>
      <c r="C903" s="58"/>
      <c r="D903" s="58"/>
    </row>
    <row r="904" spans="1:4" x14ac:dyDescent="0.2">
      <c r="A904" s="58"/>
      <c r="B904" s="58"/>
      <c r="C904" s="58"/>
      <c r="D904" s="58"/>
    </row>
    <row r="905" spans="1:4" x14ac:dyDescent="0.2">
      <c r="A905" s="58"/>
      <c r="B905" s="58"/>
      <c r="C905" s="58"/>
      <c r="D905" s="58"/>
    </row>
    <row r="906" spans="1:4" x14ac:dyDescent="0.2">
      <c r="A906" s="58"/>
      <c r="B906" s="58"/>
      <c r="C906" s="58"/>
      <c r="D906" s="58"/>
    </row>
    <row r="907" spans="1:4" x14ac:dyDescent="0.2">
      <c r="A907" s="58"/>
      <c r="B907" s="58"/>
      <c r="C907" s="58"/>
      <c r="D907" s="58"/>
    </row>
    <row r="908" spans="1:4" x14ac:dyDescent="0.2">
      <c r="A908" s="58"/>
      <c r="B908" s="58"/>
      <c r="C908" s="58"/>
      <c r="D908" s="58"/>
    </row>
    <row r="909" spans="1:4" x14ac:dyDescent="0.2">
      <c r="A909" s="58"/>
      <c r="B909" s="58"/>
      <c r="C909" s="58"/>
      <c r="D909" s="58"/>
    </row>
    <row r="910" spans="1:4" x14ac:dyDescent="0.2">
      <c r="A910" s="58"/>
      <c r="B910" s="58"/>
      <c r="C910" s="58"/>
      <c r="D910" s="58"/>
    </row>
    <row r="911" spans="1:4" x14ac:dyDescent="0.2">
      <c r="A911" s="58"/>
      <c r="B911" s="58"/>
      <c r="C911" s="58"/>
      <c r="D911" s="58"/>
    </row>
    <row r="912" spans="1:4" x14ac:dyDescent="0.2">
      <c r="A912" s="58"/>
      <c r="B912" s="58"/>
      <c r="C912" s="58"/>
      <c r="D912" s="58"/>
    </row>
    <row r="913" spans="1:4" x14ac:dyDescent="0.2">
      <c r="A913" s="58"/>
      <c r="B913" s="58"/>
      <c r="C913" s="58"/>
      <c r="D913" s="58"/>
    </row>
    <row r="914" spans="1:4" x14ac:dyDescent="0.2">
      <c r="A914" s="58"/>
      <c r="B914" s="58"/>
      <c r="C914" s="58"/>
      <c r="D914" s="58"/>
    </row>
    <row r="915" spans="1:4" x14ac:dyDescent="0.2">
      <c r="A915" s="58"/>
      <c r="B915" s="58"/>
      <c r="C915" s="58"/>
      <c r="D915" s="58"/>
    </row>
    <row r="916" spans="1:4" x14ac:dyDescent="0.2">
      <c r="A916" s="58"/>
      <c r="B916" s="58"/>
      <c r="C916" s="58"/>
      <c r="D916" s="58"/>
    </row>
    <row r="917" spans="1:4" x14ac:dyDescent="0.2">
      <c r="A917" s="58"/>
      <c r="B917" s="58"/>
      <c r="C917" s="58"/>
      <c r="D917" s="58"/>
    </row>
    <row r="918" spans="1:4" x14ac:dyDescent="0.2">
      <c r="A918" s="58"/>
      <c r="B918" s="58"/>
      <c r="C918" s="58"/>
      <c r="D918" s="58"/>
    </row>
    <row r="919" spans="1:4" x14ac:dyDescent="0.2">
      <c r="A919" s="58"/>
      <c r="B919" s="58"/>
      <c r="C919" s="58"/>
      <c r="D919" s="58"/>
    </row>
    <row r="920" spans="1:4" x14ac:dyDescent="0.2">
      <c r="A920" s="58"/>
      <c r="B920" s="58"/>
      <c r="C920" s="58"/>
      <c r="D920" s="58"/>
    </row>
    <row r="921" spans="1:4" x14ac:dyDescent="0.2">
      <c r="A921" s="58"/>
      <c r="B921" s="58"/>
      <c r="C921" s="58"/>
      <c r="D921" s="58"/>
    </row>
    <row r="922" spans="1:4" x14ac:dyDescent="0.2">
      <c r="A922" s="58"/>
      <c r="B922" s="58"/>
      <c r="C922" s="58"/>
      <c r="D922" s="58"/>
    </row>
    <row r="923" spans="1:4" x14ac:dyDescent="0.2">
      <c r="A923" s="58"/>
      <c r="B923" s="58"/>
      <c r="C923" s="58"/>
      <c r="D923" s="58"/>
    </row>
    <row r="924" spans="1:4" x14ac:dyDescent="0.2">
      <c r="A924" s="58"/>
      <c r="B924" s="58"/>
      <c r="C924" s="58"/>
      <c r="D924" s="58"/>
    </row>
    <row r="925" spans="1:4" x14ac:dyDescent="0.2">
      <c r="A925" s="58"/>
      <c r="B925" s="58"/>
      <c r="C925" s="58"/>
      <c r="D925" s="58"/>
    </row>
    <row r="926" spans="1:4" x14ac:dyDescent="0.2">
      <c r="A926" s="58"/>
      <c r="B926" s="58"/>
      <c r="C926" s="58"/>
      <c r="D926" s="58"/>
    </row>
    <row r="927" spans="1:4" x14ac:dyDescent="0.2">
      <c r="A927" s="58"/>
      <c r="B927" s="58"/>
      <c r="C927" s="58"/>
      <c r="D927" s="58"/>
    </row>
    <row r="928" spans="1:4" x14ac:dyDescent="0.2">
      <c r="A928" s="58"/>
      <c r="B928" s="58"/>
      <c r="C928" s="58"/>
      <c r="D928" s="58"/>
    </row>
    <row r="929" spans="1:4" x14ac:dyDescent="0.2">
      <c r="A929" s="58"/>
      <c r="B929" s="58"/>
      <c r="C929" s="58"/>
      <c r="D929" s="58"/>
    </row>
    <row r="930" spans="1:4" x14ac:dyDescent="0.2">
      <c r="A930" s="58"/>
      <c r="B930" s="58"/>
      <c r="C930" s="58"/>
      <c r="D930" s="58"/>
    </row>
    <row r="931" spans="1:4" x14ac:dyDescent="0.2">
      <c r="A931" s="58"/>
      <c r="B931" s="58"/>
      <c r="C931" s="58"/>
      <c r="D931" s="58"/>
    </row>
    <row r="932" spans="1:4" x14ac:dyDescent="0.2">
      <c r="A932" s="58"/>
      <c r="B932" s="58"/>
      <c r="C932" s="58"/>
      <c r="D932" s="58"/>
    </row>
    <row r="933" spans="1:4" x14ac:dyDescent="0.2">
      <c r="A933" s="58"/>
      <c r="B933" s="58"/>
      <c r="C933" s="58"/>
      <c r="D933" s="58"/>
    </row>
    <row r="934" spans="1:4" x14ac:dyDescent="0.2">
      <c r="A934" s="58"/>
      <c r="B934" s="58"/>
      <c r="C934" s="58"/>
      <c r="D934" s="58"/>
    </row>
    <row r="935" spans="1:4" x14ac:dyDescent="0.2">
      <c r="A935" s="58"/>
      <c r="B935" s="58"/>
      <c r="C935" s="58"/>
      <c r="D935" s="58"/>
    </row>
    <row r="936" spans="1:4" x14ac:dyDescent="0.2">
      <c r="A936" s="58"/>
      <c r="B936" s="58"/>
      <c r="C936" s="58"/>
      <c r="D936" s="58"/>
    </row>
    <row r="937" spans="1:4" x14ac:dyDescent="0.2">
      <c r="A937" s="58"/>
      <c r="B937" s="58"/>
      <c r="C937" s="58"/>
      <c r="D937" s="58"/>
    </row>
    <row r="938" spans="1:4" x14ac:dyDescent="0.2">
      <c r="A938" s="58"/>
      <c r="B938" s="58"/>
      <c r="C938" s="58"/>
      <c r="D938" s="58"/>
    </row>
    <row r="939" spans="1:4" x14ac:dyDescent="0.2">
      <c r="A939" s="58"/>
      <c r="B939" s="58"/>
      <c r="C939" s="58"/>
      <c r="D939" s="58"/>
    </row>
    <row r="940" spans="1:4" x14ac:dyDescent="0.2">
      <c r="A940" s="58"/>
      <c r="B940" s="58"/>
      <c r="C940" s="58"/>
      <c r="D940" s="58"/>
    </row>
    <row r="941" spans="1:4" x14ac:dyDescent="0.2">
      <c r="A941" s="58"/>
      <c r="B941" s="58"/>
      <c r="C941" s="58"/>
      <c r="D941" s="58"/>
    </row>
    <row r="942" spans="1:4" x14ac:dyDescent="0.2">
      <c r="A942" s="58"/>
      <c r="B942" s="58"/>
      <c r="C942" s="58"/>
      <c r="D942" s="58"/>
    </row>
    <row r="943" spans="1:4" x14ac:dyDescent="0.2">
      <c r="A943" s="58"/>
      <c r="B943" s="58"/>
      <c r="C943" s="58"/>
      <c r="D943" s="58"/>
    </row>
    <row r="944" spans="1:4" x14ac:dyDescent="0.2">
      <c r="A944" s="58"/>
      <c r="B944" s="58"/>
      <c r="C944" s="58"/>
      <c r="D944" s="58"/>
    </row>
    <row r="945" spans="1:4" x14ac:dyDescent="0.2">
      <c r="A945" s="58"/>
      <c r="B945" s="58"/>
      <c r="C945" s="58"/>
      <c r="D945" s="58"/>
    </row>
    <row r="946" spans="1:4" x14ac:dyDescent="0.2">
      <c r="A946" s="58"/>
      <c r="B946" s="58"/>
      <c r="C946" s="58"/>
      <c r="D946" s="58"/>
    </row>
    <row r="947" spans="1:4" x14ac:dyDescent="0.2">
      <c r="A947" s="58"/>
      <c r="B947" s="58"/>
      <c r="C947" s="58"/>
      <c r="D947" s="58"/>
    </row>
    <row r="948" spans="1:4" x14ac:dyDescent="0.2">
      <c r="A948" s="58"/>
      <c r="B948" s="58"/>
      <c r="C948" s="58"/>
      <c r="D948" s="58"/>
    </row>
    <row r="949" spans="1:4" x14ac:dyDescent="0.2">
      <c r="A949" s="58"/>
      <c r="B949" s="58"/>
      <c r="C949" s="58"/>
      <c r="D949" s="58"/>
    </row>
    <row r="950" spans="1:4" x14ac:dyDescent="0.2">
      <c r="A950" s="58"/>
      <c r="B950" s="58"/>
      <c r="C950" s="58"/>
      <c r="D950" s="58"/>
    </row>
    <row r="951" spans="1:4" x14ac:dyDescent="0.2">
      <c r="A951" s="58"/>
      <c r="B951" s="58"/>
      <c r="C951" s="58"/>
      <c r="D951" s="58"/>
    </row>
    <row r="952" spans="1:4" x14ac:dyDescent="0.2">
      <c r="A952" s="58"/>
      <c r="B952" s="58"/>
      <c r="C952" s="58"/>
      <c r="D952" s="58"/>
    </row>
    <row r="953" spans="1:4" x14ac:dyDescent="0.2">
      <c r="A953" s="58"/>
      <c r="B953" s="58"/>
      <c r="C953" s="58"/>
      <c r="D953" s="58"/>
    </row>
    <row r="954" spans="1:4" x14ac:dyDescent="0.2">
      <c r="A954" s="58"/>
      <c r="B954" s="58"/>
      <c r="C954" s="58"/>
      <c r="D954" s="58"/>
    </row>
    <row r="955" spans="1:4" x14ac:dyDescent="0.2">
      <c r="A955" s="58"/>
      <c r="B955" s="58"/>
      <c r="C955" s="58"/>
      <c r="D955" s="58"/>
    </row>
    <row r="956" spans="1:4" x14ac:dyDescent="0.2">
      <c r="A956" s="58"/>
      <c r="B956" s="58"/>
      <c r="C956" s="58"/>
      <c r="D956" s="58"/>
    </row>
    <row r="957" spans="1:4" x14ac:dyDescent="0.2">
      <c r="A957" s="58"/>
      <c r="B957" s="58"/>
      <c r="C957" s="58"/>
      <c r="D957" s="58"/>
    </row>
    <row r="958" spans="1:4" x14ac:dyDescent="0.2">
      <c r="A958" s="58"/>
      <c r="B958" s="58"/>
      <c r="C958" s="58"/>
      <c r="D958" s="58"/>
    </row>
    <row r="959" spans="1:4" x14ac:dyDescent="0.2">
      <c r="A959" s="58"/>
      <c r="B959" s="58"/>
      <c r="C959" s="58"/>
      <c r="D959" s="58"/>
    </row>
    <row r="960" spans="1:4" x14ac:dyDescent="0.2">
      <c r="A960" s="58"/>
      <c r="B960" s="58"/>
      <c r="C960" s="58"/>
      <c r="D960" s="58"/>
    </row>
    <row r="961" spans="1:4" x14ac:dyDescent="0.2">
      <c r="A961" s="58"/>
      <c r="B961" s="58"/>
      <c r="C961" s="58"/>
      <c r="D961" s="58"/>
    </row>
    <row r="962" spans="1:4" x14ac:dyDescent="0.2">
      <c r="A962" s="58"/>
      <c r="B962" s="58"/>
      <c r="C962" s="58"/>
      <c r="D962" s="58"/>
    </row>
    <row r="963" spans="1:4" x14ac:dyDescent="0.2">
      <c r="A963" s="58"/>
      <c r="B963" s="58"/>
      <c r="C963" s="58"/>
      <c r="D963" s="58"/>
    </row>
    <row r="964" spans="1:4" x14ac:dyDescent="0.2">
      <c r="A964" s="58"/>
      <c r="B964" s="58"/>
      <c r="C964" s="58"/>
      <c r="D964" s="58"/>
    </row>
    <row r="965" spans="1:4" x14ac:dyDescent="0.2">
      <c r="A965" s="58"/>
      <c r="B965" s="58"/>
      <c r="C965" s="58"/>
      <c r="D965" s="58"/>
    </row>
    <row r="966" spans="1:4" x14ac:dyDescent="0.2">
      <c r="A966" s="58"/>
      <c r="B966" s="58"/>
      <c r="C966" s="58"/>
      <c r="D966" s="58"/>
    </row>
    <row r="967" spans="1:4" x14ac:dyDescent="0.2">
      <c r="A967" s="58"/>
      <c r="B967" s="58"/>
      <c r="C967" s="58"/>
      <c r="D967" s="58"/>
    </row>
    <row r="968" spans="1:4" x14ac:dyDescent="0.2">
      <c r="A968" s="58"/>
      <c r="B968" s="58"/>
      <c r="C968" s="58"/>
      <c r="D968" s="58"/>
    </row>
    <row r="969" spans="1:4" x14ac:dyDescent="0.2">
      <c r="A969" s="58"/>
      <c r="B969" s="58"/>
      <c r="C969" s="58"/>
      <c r="D969" s="58"/>
    </row>
    <row r="970" spans="1:4" x14ac:dyDescent="0.2">
      <c r="A970" s="58"/>
      <c r="B970" s="58"/>
      <c r="C970" s="58"/>
      <c r="D970" s="58"/>
    </row>
    <row r="971" spans="1:4" x14ac:dyDescent="0.2">
      <c r="A971" s="58"/>
      <c r="B971" s="58"/>
      <c r="C971" s="58"/>
      <c r="D971" s="58"/>
    </row>
    <row r="972" spans="1:4" x14ac:dyDescent="0.2">
      <c r="A972" s="58"/>
      <c r="B972" s="58"/>
      <c r="C972" s="58"/>
      <c r="D972" s="58"/>
    </row>
    <row r="973" spans="1:4" x14ac:dyDescent="0.2">
      <c r="A973" s="58"/>
      <c r="B973" s="58"/>
      <c r="C973" s="58"/>
      <c r="D973" s="58"/>
    </row>
    <row r="974" spans="1:4" x14ac:dyDescent="0.2">
      <c r="A974" s="58"/>
      <c r="B974" s="58"/>
      <c r="C974" s="58"/>
      <c r="D974" s="58"/>
    </row>
    <row r="975" spans="1:4" x14ac:dyDescent="0.2">
      <c r="A975" s="58"/>
      <c r="B975" s="58"/>
      <c r="C975" s="58"/>
      <c r="D975" s="58"/>
    </row>
    <row r="976" spans="1:4" x14ac:dyDescent="0.2">
      <c r="A976" s="58"/>
      <c r="B976" s="58"/>
      <c r="C976" s="58"/>
      <c r="D976" s="58"/>
    </row>
    <row r="977" spans="1:4" x14ac:dyDescent="0.2">
      <c r="A977" s="58"/>
      <c r="B977" s="58"/>
      <c r="C977" s="58"/>
      <c r="D977" s="58"/>
    </row>
    <row r="978" spans="1:4" x14ac:dyDescent="0.2">
      <c r="A978" s="58"/>
      <c r="B978" s="58"/>
      <c r="C978" s="58"/>
      <c r="D978" s="58"/>
    </row>
    <row r="979" spans="1:4" x14ac:dyDescent="0.2">
      <c r="A979" s="58"/>
      <c r="B979" s="58"/>
      <c r="C979" s="58"/>
      <c r="D979" s="58"/>
    </row>
    <row r="980" spans="1:4" x14ac:dyDescent="0.2">
      <c r="A980" s="58"/>
      <c r="B980" s="58"/>
      <c r="C980" s="58"/>
      <c r="D980" s="58"/>
    </row>
    <row r="981" spans="1:4" x14ac:dyDescent="0.2">
      <c r="A981" s="58"/>
      <c r="B981" s="58"/>
      <c r="C981" s="58"/>
      <c r="D981" s="58"/>
    </row>
    <row r="982" spans="1:4" x14ac:dyDescent="0.2">
      <c r="A982" s="58"/>
      <c r="B982" s="58"/>
      <c r="C982" s="58"/>
      <c r="D982" s="58"/>
    </row>
    <row r="983" spans="1:4" x14ac:dyDescent="0.2">
      <c r="A983" s="58"/>
      <c r="B983" s="58"/>
      <c r="C983" s="58"/>
      <c r="D983" s="58"/>
    </row>
  </sheetData>
  <phoneticPr fontId="1"/>
  <printOptions horizontalCentered="1"/>
  <pageMargins left="0.59055118110236227" right="0.59055118110236227" top="0.59055118110236227" bottom="0.59055118110236227" header="0.6692913385826772" footer="0.19685039370078741"/>
  <pageSetup paperSize="9" scale="70" fitToHeight="0" orientation="portrait" horizontalDpi="300" verticalDpi="300" r:id="rId1"/>
  <headerFooter alignWithMargins="0">
    <oddHeader xml:space="preserve">&amp;C&amp;"ＭＳ Ｐゴシック,太字"&amp;16
&amp;R
</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74"/>
  <sheetViews>
    <sheetView view="pageLayout" topLeftCell="A55" zoomScaleNormal="100" workbookViewId="0">
      <selection activeCell="C67" sqref="C67"/>
    </sheetView>
  </sheetViews>
  <sheetFormatPr defaultColWidth="9.140625" defaultRowHeight="17.25" x14ac:dyDescent="0.15"/>
  <cols>
    <col min="1" max="1" width="28.7109375" style="3" customWidth="1"/>
    <col min="2" max="2" width="35.7109375" style="8" customWidth="1"/>
    <col min="3" max="3" width="30.7109375" style="8" customWidth="1"/>
    <col min="4" max="4" width="37.7109375" style="8" customWidth="1"/>
    <col min="5" max="8" width="9.140625" style="3"/>
    <col min="9" max="16384" width="9.140625" style="8"/>
  </cols>
  <sheetData>
    <row r="1" spans="1:4" x14ac:dyDescent="0.15">
      <c r="A1" s="3" t="s">
        <v>1206</v>
      </c>
    </row>
    <row r="2" spans="1:4" x14ac:dyDescent="0.15">
      <c r="A2" s="3" t="s">
        <v>1127</v>
      </c>
    </row>
    <row r="3" spans="1:4" s="3" customFormat="1" x14ac:dyDescent="0.15">
      <c r="A3" s="26" t="s">
        <v>1128</v>
      </c>
      <c r="B3" s="26" t="s">
        <v>1129</v>
      </c>
      <c r="C3" s="26" t="s">
        <v>1397</v>
      </c>
      <c r="D3" s="26" t="s">
        <v>1666</v>
      </c>
    </row>
    <row r="4" spans="1:4" s="3" customFormat="1" ht="34.5" x14ac:dyDescent="0.15">
      <c r="A4" s="7" t="s">
        <v>976</v>
      </c>
      <c r="B4" s="7" t="s">
        <v>861</v>
      </c>
      <c r="C4" s="7" t="s">
        <v>862</v>
      </c>
      <c r="D4" s="7"/>
    </row>
    <row r="5" spans="1:4" s="3" customFormat="1" x14ac:dyDescent="0.15">
      <c r="A5" s="1" t="s">
        <v>977</v>
      </c>
      <c r="B5" s="1"/>
      <c r="C5" s="1" t="s">
        <v>863</v>
      </c>
      <c r="D5" s="1"/>
    </row>
    <row r="6" spans="1:4" s="3" customFormat="1" x14ac:dyDescent="0.15">
      <c r="A6" s="7" t="s">
        <v>866</v>
      </c>
      <c r="B6" s="7"/>
      <c r="C6" s="7" t="s">
        <v>867</v>
      </c>
      <c r="D6" s="7"/>
    </row>
    <row r="7" spans="1:4" s="3" customFormat="1" x14ac:dyDescent="0.15">
      <c r="A7" s="7" t="s">
        <v>868</v>
      </c>
      <c r="B7" s="7" t="s">
        <v>869</v>
      </c>
      <c r="C7" s="7" t="s">
        <v>870</v>
      </c>
      <c r="D7" s="7"/>
    </row>
    <row r="8" spans="1:4" s="3" customFormat="1" x14ac:dyDescent="0.15">
      <c r="A8" s="7" t="s">
        <v>871</v>
      </c>
      <c r="B8" s="7" t="s">
        <v>872</v>
      </c>
      <c r="C8" s="7" t="s">
        <v>873</v>
      </c>
      <c r="D8" s="7"/>
    </row>
    <row r="9" spans="1:4" s="3" customFormat="1" x14ac:dyDescent="0.15">
      <c r="A9" s="7" t="s">
        <v>844</v>
      </c>
      <c r="B9" s="7" t="s">
        <v>874</v>
      </c>
      <c r="C9" s="7" t="s">
        <v>875</v>
      </c>
      <c r="D9" s="7"/>
    </row>
    <row r="10" spans="1:4" s="3" customFormat="1" x14ac:dyDescent="0.15">
      <c r="A10" s="1" t="s">
        <v>876</v>
      </c>
      <c r="B10" s="1" t="s">
        <v>877</v>
      </c>
      <c r="C10" s="1" t="s">
        <v>878</v>
      </c>
      <c r="D10" s="1"/>
    </row>
    <row r="11" spans="1:4" s="3" customFormat="1" ht="34.5" x14ac:dyDescent="0.15">
      <c r="A11" s="7" t="s">
        <v>845</v>
      </c>
      <c r="B11" s="7" t="s">
        <v>2746</v>
      </c>
      <c r="C11" s="7" t="s">
        <v>1212</v>
      </c>
      <c r="D11" s="7" t="s">
        <v>879</v>
      </c>
    </row>
    <row r="12" spans="1:4" s="3" customFormat="1" x14ac:dyDescent="0.15">
      <c r="A12" s="7" t="s">
        <v>880</v>
      </c>
      <c r="B12" s="7" t="s">
        <v>1132</v>
      </c>
      <c r="C12" s="7" t="s">
        <v>881</v>
      </c>
      <c r="D12" s="7"/>
    </row>
    <row r="13" spans="1:4" s="3" customFormat="1" x14ac:dyDescent="0.15">
      <c r="A13" s="7" t="s">
        <v>882</v>
      </c>
      <c r="B13" s="7" t="s">
        <v>2747</v>
      </c>
      <c r="C13" s="7" t="s">
        <v>883</v>
      </c>
      <c r="D13" s="7"/>
    </row>
    <row r="14" spans="1:4" s="3" customFormat="1" x14ac:dyDescent="0.15">
      <c r="A14" s="7" t="s">
        <v>884</v>
      </c>
      <c r="B14" s="7" t="s">
        <v>1132</v>
      </c>
      <c r="C14" s="7" t="s">
        <v>883</v>
      </c>
      <c r="D14" s="7"/>
    </row>
    <row r="15" spans="1:4" s="3" customFormat="1" x14ac:dyDescent="0.15">
      <c r="A15" s="7" t="s">
        <v>265</v>
      </c>
      <c r="B15" s="7" t="s">
        <v>266</v>
      </c>
      <c r="C15" s="7" t="s">
        <v>267</v>
      </c>
      <c r="D15" s="7"/>
    </row>
    <row r="16" spans="1:4" s="3" customFormat="1" x14ac:dyDescent="0.15">
      <c r="A16" s="7" t="s">
        <v>885</v>
      </c>
      <c r="B16" s="7" t="s">
        <v>886</v>
      </c>
      <c r="C16" s="7" t="s">
        <v>887</v>
      </c>
      <c r="D16" s="7" t="s">
        <v>888</v>
      </c>
    </row>
    <row r="17" spans="1:4" x14ac:dyDescent="0.15">
      <c r="A17" s="7" t="s">
        <v>889</v>
      </c>
      <c r="B17" s="7" t="s">
        <v>890</v>
      </c>
      <c r="C17" s="7" t="s">
        <v>883</v>
      </c>
      <c r="D17" s="7"/>
    </row>
    <row r="18" spans="1:4" ht="34.5" x14ac:dyDescent="0.15">
      <c r="A18" s="7" t="s">
        <v>268</v>
      </c>
      <c r="B18" s="7" t="s">
        <v>269</v>
      </c>
      <c r="C18" s="7" t="s">
        <v>2639</v>
      </c>
      <c r="D18" s="7"/>
    </row>
    <row r="19" spans="1:4" x14ac:dyDescent="0.15">
      <c r="A19" s="7" t="s">
        <v>891</v>
      </c>
      <c r="B19" s="7" t="s">
        <v>892</v>
      </c>
      <c r="C19" s="7" t="s">
        <v>883</v>
      </c>
      <c r="D19" s="7"/>
    </row>
    <row r="20" spans="1:4" ht="34.5" x14ac:dyDescent="0.15">
      <c r="A20" s="7" t="s">
        <v>846</v>
      </c>
      <c r="B20" s="7" t="s">
        <v>270</v>
      </c>
      <c r="C20" s="7" t="s">
        <v>883</v>
      </c>
      <c r="D20" s="7"/>
    </row>
    <row r="21" spans="1:4" x14ac:dyDescent="0.15">
      <c r="A21" s="7" t="s">
        <v>847</v>
      </c>
      <c r="B21" s="7" t="s">
        <v>893</v>
      </c>
      <c r="C21" s="7" t="s">
        <v>894</v>
      </c>
      <c r="D21" s="7"/>
    </row>
    <row r="22" spans="1:4" x14ac:dyDescent="0.15">
      <c r="A22" s="7" t="s">
        <v>848</v>
      </c>
      <c r="B22" s="7" t="s">
        <v>895</v>
      </c>
      <c r="C22" s="7" t="s">
        <v>896</v>
      </c>
      <c r="D22" s="7"/>
    </row>
    <row r="23" spans="1:4" x14ac:dyDescent="0.15">
      <c r="A23" s="7" t="s">
        <v>897</v>
      </c>
      <c r="B23" s="7" t="s">
        <v>898</v>
      </c>
      <c r="C23" s="7" t="s">
        <v>1132</v>
      </c>
      <c r="D23" s="7"/>
    </row>
    <row r="24" spans="1:4" ht="34.5" x14ac:dyDescent="0.15">
      <c r="A24" s="7" t="s">
        <v>849</v>
      </c>
      <c r="B24" s="7" t="s">
        <v>899</v>
      </c>
      <c r="C24" s="7" t="s">
        <v>2667</v>
      </c>
      <c r="D24" s="7"/>
    </row>
    <row r="25" spans="1:4" x14ac:dyDescent="0.15">
      <c r="A25" s="7" t="s">
        <v>900</v>
      </c>
      <c r="B25" s="7" t="s">
        <v>1132</v>
      </c>
      <c r="C25" s="7" t="s">
        <v>901</v>
      </c>
      <c r="D25" s="7"/>
    </row>
    <row r="26" spans="1:4" x14ac:dyDescent="0.15">
      <c r="A26" s="7" t="s">
        <v>902</v>
      </c>
      <c r="B26" s="7" t="s">
        <v>903</v>
      </c>
      <c r="C26" s="7" t="s">
        <v>883</v>
      </c>
      <c r="D26" s="7"/>
    </row>
    <row r="27" spans="1:4" x14ac:dyDescent="0.15">
      <c r="A27" s="1" t="s">
        <v>850</v>
      </c>
      <c r="B27" s="1" t="s">
        <v>904</v>
      </c>
      <c r="C27" s="1" t="s">
        <v>905</v>
      </c>
      <c r="D27" s="1"/>
    </row>
    <row r="28" spans="1:4" ht="34.5" x14ac:dyDescent="0.15">
      <c r="A28" s="7" t="s">
        <v>851</v>
      </c>
      <c r="B28" s="7" t="s">
        <v>2668</v>
      </c>
      <c r="C28" s="7" t="s">
        <v>2669</v>
      </c>
      <c r="D28" s="7"/>
    </row>
    <row r="29" spans="1:4" x14ac:dyDescent="0.15">
      <c r="A29" s="7" t="s">
        <v>852</v>
      </c>
      <c r="B29" s="7" t="s">
        <v>1132</v>
      </c>
      <c r="C29" s="7" t="s">
        <v>2748</v>
      </c>
      <c r="D29" s="7"/>
    </row>
    <row r="30" spans="1:4" x14ac:dyDescent="0.15">
      <c r="A30" s="7" t="s">
        <v>906</v>
      </c>
      <c r="B30" s="7" t="s">
        <v>1132</v>
      </c>
      <c r="C30" s="7" t="s">
        <v>907</v>
      </c>
      <c r="D30" s="7"/>
    </row>
    <row r="31" spans="1:4" ht="34.5" x14ac:dyDescent="0.15">
      <c r="A31" s="7" t="s">
        <v>853</v>
      </c>
      <c r="B31" s="7" t="s">
        <v>2664</v>
      </c>
      <c r="C31" s="7" t="s">
        <v>908</v>
      </c>
      <c r="D31" s="7" t="s">
        <v>909</v>
      </c>
    </row>
    <row r="32" spans="1:4" x14ac:dyDescent="0.15">
      <c r="A32" s="7" t="s">
        <v>854</v>
      </c>
      <c r="B32" s="7" t="s">
        <v>910</v>
      </c>
      <c r="C32" s="7" t="s">
        <v>911</v>
      </c>
      <c r="D32" s="7"/>
    </row>
    <row r="33" spans="1:4" x14ac:dyDescent="0.15">
      <c r="A33" s="7" t="s">
        <v>912</v>
      </c>
      <c r="B33" s="7" t="s">
        <v>1214</v>
      </c>
      <c r="C33" s="7" t="s">
        <v>913</v>
      </c>
      <c r="D33" s="7" t="s">
        <v>914</v>
      </c>
    </row>
    <row r="34" spans="1:4" x14ac:dyDescent="0.15">
      <c r="A34" s="7" t="s">
        <v>855</v>
      </c>
      <c r="B34" s="7" t="s">
        <v>1132</v>
      </c>
      <c r="C34" s="7" t="s">
        <v>915</v>
      </c>
      <c r="D34" s="7"/>
    </row>
    <row r="35" spans="1:4" x14ac:dyDescent="0.15">
      <c r="A35" s="7" t="s">
        <v>856</v>
      </c>
      <c r="B35" s="7" t="s">
        <v>2749</v>
      </c>
      <c r="C35" s="7" t="s">
        <v>883</v>
      </c>
      <c r="D35" s="7"/>
    </row>
    <row r="36" spans="1:4" ht="51.75" x14ac:dyDescent="0.15">
      <c r="A36" s="1" t="s">
        <v>857</v>
      </c>
      <c r="B36" s="1"/>
      <c r="C36" s="1" t="s">
        <v>916</v>
      </c>
      <c r="D36" s="1"/>
    </row>
    <row r="37" spans="1:4" ht="34.5" x14ac:dyDescent="0.15">
      <c r="A37" s="1" t="s">
        <v>917</v>
      </c>
      <c r="B37" s="1" t="s">
        <v>918</v>
      </c>
      <c r="C37" s="1" t="s">
        <v>919</v>
      </c>
      <c r="D37" s="1"/>
    </row>
    <row r="38" spans="1:4" x14ac:dyDescent="0.15">
      <c r="A38" s="7" t="s">
        <v>858</v>
      </c>
      <c r="B38" s="7" t="s">
        <v>920</v>
      </c>
      <c r="C38" s="7" t="s">
        <v>921</v>
      </c>
      <c r="D38" s="7"/>
    </row>
    <row r="39" spans="1:4" x14ac:dyDescent="0.15">
      <c r="A39" s="7" t="s">
        <v>922</v>
      </c>
      <c r="B39" s="7"/>
      <c r="C39" s="7"/>
      <c r="D39" s="7"/>
    </row>
    <row r="40" spans="1:4" ht="51.75" x14ac:dyDescent="0.15">
      <c r="A40" s="7" t="s">
        <v>859</v>
      </c>
      <c r="B40" s="7" t="s">
        <v>2750</v>
      </c>
      <c r="C40" s="7" t="s">
        <v>923</v>
      </c>
      <c r="D40" s="7" t="s">
        <v>2751</v>
      </c>
    </row>
    <row r="41" spans="1:4" x14ac:dyDescent="0.15">
      <c r="A41" s="7" t="s">
        <v>924</v>
      </c>
      <c r="B41" s="7" t="s">
        <v>925</v>
      </c>
      <c r="C41" s="7" t="s">
        <v>926</v>
      </c>
      <c r="D41" s="7"/>
    </row>
    <row r="42" spans="1:4" x14ac:dyDescent="0.15">
      <c r="A42" s="7" t="s">
        <v>927</v>
      </c>
      <c r="B42" s="7" t="s">
        <v>928</v>
      </c>
      <c r="C42" s="7" t="s">
        <v>1243</v>
      </c>
      <c r="D42" s="7"/>
    </row>
    <row r="43" spans="1:4" x14ac:dyDescent="0.15">
      <c r="A43" s="7" t="s">
        <v>929</v>
      </c>
      <c r="B43" s="7" t="s">
        <v>930</v>
      </c>
      <c r="C43" s="7" t="s">
        <v>931</v>
      </c>
      <c r="D43" s="7"/>
    </row>
    <row r="44" spans="1:4" x14ac:dyDescent="0.15">
      <c r="A44" s="1" t="s">
        <v>932</v>
      </c>
      <c r="B44" s="1"/>
      <c r="C44" s="1" t="s">
        <v>933</v>
      </c>
      <c r="D44" s="1"/>
    </row>
    <row r="45" spans="1:4" ht="34.5" x14ac:dyDescent="0.15">
      <c r="A45" s="7" t="s">
        <v>935</v>
      </c>
      <c r="B45" s="7" t="s">
        <v>936</v>
      </c>
      <c r="C45" s="7" t="s">
        <v>937</v>
      </c>
      <c r="D45" s="7"/>
    </row>
    <row r="46" spans="1:4" x14ac:dyDescent="0.15">
      <c r="A46" s="7" t="s">
        <v>938</v>
      </c>
      <c r="B46" s="7" t="s">
        <v>939</v>
      </c>
      <c r="C46" s="7" t="s">
        <v>940</v>
      </c>
      <c r="D46" s="7"/>
    </row>
    <row r="47" spans="1:4" x14ac:dyDescent="0.15">
      <c r="A47" s="7" t="s">
        <v>941</v>
      </c>
      <c r="B47" s="7" t="s">
        <v>942</v>
      </c>
      <c r="C47" s="7" t="s">
        <v>943</v>
      </c>
      <c r="D47" s="7"/>
    </row>
    <row r="48" spans="1:4" x14ac:dyDescent="0.15">
      <c r="A48" s="7" t="s">
        <v>944</v>
      </c>
      <c r="B48" s="7" t="s">
        <v>271</v>
      </c>
      <c r="C48" s="7" t="s">
        <v>860</v>
      </c>
      <c r="D48" s="7" t="s">
        <v>945</v>
      </c>
    </row>
    <row r="49" spans="1:4" ht="34.5" x14ac:dyDescent="0.15">
      <c r="A49" s="7" t="s">
        <v>272</v>
      </c>
      <c r="B49" s="7" t="s">
        <v>1132</v>
      </c>
      <c r="C49" s="7" t="s">
        <v>946</v>
      </c>
      <c r="D49" s="7" t="s">
        <v>947</v>
      </c>
    </row>
    <row r="50" spans="1:4" ht="34.5" x14ac:dyDescent="0.15">
      <c r="A50" s="7" t="s">
        <v>273</v>
      </c>
      <c r="B50" s="7" t="s">
        <v>948</v>
      </c>
      <c r="C50" s="7" t="s">
        <v>949</v>
      </c>
      <c r="D50" s="7"/>
    </row>
    <row r="51" spans="1:4" x14ac:dyDescent="0.15">
      <c r="A51" s="7" t="s">
        <v>950</v>
      </c>
      <c r="B51" s="7" t="s">
        <v>1132</v>
      </c>
      <c r="C51" s="7" t="s">
        <v>951</v>
      </c>
      <c r="D51" s="7"/>
    </row>
    <row r="52" spans="1:4" ht="34.5" x14ac:dyDescent="0.15">
      <c r="A52" s="7" t="s">
        <v>274</v>
      </c>
      <c r="B52" s="7" t="s">
        <v>1132</v>
      </c>
      <c r="C52" s="7" t="s">
        <v>952</v>
      </c>
      <c r="D52" s="7"/>
    </row>
    <row r="53" spans="1:4" x14ac:dyDescent="0.15">
      <c r="A53" s="7" t="s">
        <v>275</v>
      </c>
      <c r="B53" s="7" t="s">
        <v>276</v>
      </c>
      <c r="C53" s="7" t="s">
        <v>883</v>
      </c>
      <c r="D53" s="7"/>
    </row>
    <row r="54" spans="1:4" ht="51.75" x14ac:dyDescent="0.15">
      <c r="A54" s="7" t="s">
        <v>953</v>
      </c>
      <c r="B54" s="7"/>
      <c r="C54" s="44" t="s">
        <v>2583</v>
      </c>
      <c r="D54" s="7"/>
    </row>
    <row r="55" spans="1:4" x14ac:dyDescent="0.15">
      <c r="A55" s="7" t="s">
        <v>954</v>
      </c>
      <c r="B55" s="7" t="s">
        <v>955</v>
      </c>
      <c r="C55" s="7" t="s">
        <v>2752</v>
      </c>
      <c r="D55" s="7"/>
    </row>
    <row r="56" spans="1:4" x14ac:dyDescent="0.15">
      <c r="A56" s="7" t="s">
        <v>956</v>
      </c>
      <c r="B56" s="7" t="s">
        <v>957</v>
      </c>
      <c r="C56" s="7" t="s">
        <v>2753</v>
      </c>
      <c r="D56" s="7"/>
    </row>
    <row r="57" spans="1:4" x14ac:dyDescent="0.15">
      <c r="A57" s="7" t="s">
        <v>958</v>
      </c>
      <c r="B57" s="7" t="s">
        <v>959</v>
      </c>
      <c r="C57" s="7" t="s">
        <v>883</v>
      </c>
      <c r="D57" s="7"/>
    </row>
    <row r="58" spans="1:4" ht="34.5" x14ac:dyDescent="0.15">
      <c r="A58" s="7" t="s">
        <v>277</v>
      </c>
      <c r="B58" s="7" t="s">
        <v>961</v>
      </c>
      <c r="C58" s="7" t="s">
        <v>883</v>
      </c>
      <c r="D58" s="7"/>
    </row>
    <row r="59" spans="1:4" x14ac:dyDescent="0.15">
      <c r="A59" s="7" t="s">
        <v>614</v>
      </c>
      <c r="B59" s="7" t="s">
        <v>278</v>
      </c>
      <c r="C59" s="7" t="s">
        <v>279</v>
      </c>
      <c r="D59" s="7"/>
    </row>
    <row r="60" spans="1:4" x14ac:dyDescent="0.15">
      <c r="A60" s="7" t="s">
        <v>962</v>
      </c>
      <c r="B60" s="7" t="s">
        <v>963</v>
      </c>
      <c r="C60" s="7" t="s">
        <v>964</v>
      </c>
      <c r="D60" s="7"/>
    </row>
    <row r="61" spans="1:4" ht="51.75" x14ac:dyDescent="0.15">
      <c r="A61" s="7" t="s">
        <v>280</v>
      </c>
      <c r="B61" s="7" t="s">
        <v>281</v>
      </c>
      <c r="C61" s="7" t="s">
        <v>883</v>
      </c>
      <c r="D61" s="7" t="s">
        <v>965</v>
      </c>
    </row>
    <row r="62" spans="1:4" x14ac:dyDescent="0.15">
      <c r="A62" s="7" t="s">
        <v>2587</v>
      </c>
      <c r="B62" s="7"/>
      <c r="C62" s="7" t="s">
        <v>2588</v>
      </c>
      <c r="D62" s="7"/>
    </row>
    <row r="63" spans="1:4" x14ac:dyDescent="0.15">
      <c r="A63" s="7" t="s">
        <v>966</v>
      </c>
      <c r="B63" s="7" t="s">
        <v>967</v>
      </c>
      <c r="C63" s="7" t="s">
        <v>883</v>
      </c>
      <c r="D63" s="7"/>
    </row>
    <row r="64" spans="1:4" x14ac:dyDescent="0.15">
      <c r="A64" s="7" t="s">
        <v>282</v>
      </c>
      <c r="B64" s="7"/>
      <c r="C64" s="7" t="s">
        <v>968</v>
      </c>
      <c r="D64" s="7"/>
    </row>
    <row r="65" spans="1:8" x14ac:dyDescent="0.15">
      <c r="A65" s="7" t="s">
        <v>969</v>
      </c>
      <c r="B65" s="7" t="s">
        <v>1132</v>
      </c>
      <c r="C65" s="7" t="s">
        <v>867</v>
      </c>
      <c r="D65" s="7"/>
    </row>
    <row r="66" spans="1:8" s="3" customFormat="1" x14ac:dyDescent="0.15">
      <c r="A66" s="7" t="s">
        <v>970</v>
      </c>
      <c r="B66" s="7"/>
      <c r="C66" s="7" t="s">
        <v>971</v>
      </c>
      <c r="D66" s="7"/>
    </row>
    <row r="67" spans="1:8" s="3" customFormat="1" x14ac:dyDescent="0.15">
      <c r="A67" s="7" t="s">
        <v>972</v>
      </c>
      <c r="B67" s="7" t="s">
        <v>1132</v>
      </c>
      <c r="C67" s="7" t="s">
        <v>972</v>
      </c>
      <c r="D67" s="7"/>
    </row>
    <row r="68" spans="1:8" s="3" customFormat="1" x14ac:dyDescent="0.15">
      <c r="A68" s="7" t="s">
        <v>973</v>
      </c>
      <c r="B68" s="7" t="s">
        <v>974</v>
      </c>
      <c r="C68" s="7" t="s">
        <v>1243</v>
      </c>
      <c r="D68" s="7"/>
    </row>
    <row r="69" spans="1:8" s="3" customFormat="1" x14ac:dyDescent="0.15">
      <c r="A69" s="7" t="s">
        <v>975</v>
      </c>
      <c r="B69" s="7" t="s">
        <v>1132</v>
      </c>
      <c r="C69" s="7" t="s">
        <v>2754</v>
      </c>
      <c r="D69" s="7"/>
    </row>
    <row r="70" spans="1:8" s="12" customFormat="1" x14ac:dyDescent="0.15">
      <c r="A70" s="10" t="s">
        <v>1659</v>
      </c>
      <c r="B70" s="11"/>
      <c r="E70" s="10"/>
      <c r="F70" s="10"/>
      <c r="G70" s="10"/>
      <c r="H70" s="10"/>
    </row>
    <row r="71" spans="1:8" s="12" customFormat="1" x14ac:dyDescent="0.15">
      <c r="A71" s="10" t="s">
        <v>1653</v>
      </c>
      <c r="B71" s="11"/>
      <c r="E71" s="10"/>
      <c r="F71" s="10"/>
      <c r="G71" s="10"/>
      <c r="H71" s="10"/>
    </row>
    <row r="72" spans="1:8" s="12" customFormat="1" x14ac:dyDescent="0.15">
      <c r="A72" s="10" t="s">
        <v>1665</v>
      </c>
      <c r="B72" s="11"/>
      <c r="E72" s="10"/>
      <c r="F72" s="10"/>
      <c r="G72" s="10"/>
      <c r="H72" s="10"/>
    </row>
    <row r="73" spans="1:8" s="12" customFormat="1" x14ac:dyDescent="0.15">
      <c r="A73" s="10" t="s">
        <v>1654</v>
      </c>
      <c r="B73" s="11"/>
      <c r="E73" s="10"/>
      <c r="F73" s="10"/>
      <c r="G73" s="10"/>
      <c r="H73" s="10"/>
    </row>
    <row r="74" spans="1:8" s="12" customFormat="1" x14ac:dyDescent="0.15">
      <c r="A74" s="10" t="s">
        <v>1727</v>
      </c>
      <c r="E74" s="10"/>
      <c r="F74" s="10"/>
      <c r="G74" s="10"/>
      <c r="H74" s="10"/>
    </row>
  </sheetData>
  <phoneticPr fontId="1"/>
  <printOptions horizontalCentered="1"/>
  <pageMargins left="0.59055118110236227" right="0.59055118110236227" top="0.59055118110236227" bottom="0.59055118110236227" header="0.6692913385826772" footer="0.19685039370078741"/>
  <pageSetup paperSize="9" scale="70" fitToHeight="0" orientation="portrait" horizontalDpi="300" verticalDpi="300" r:id="rId1"/>
  <headerFooter alignWithMargins="0">
    <oddHeader xml:space="preserve">&amp;C&amp;"ＭＳ Ｐゴシック,太字"&amp;16
&amp;R
</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76"/>
  <sheetViews>
    <sheetView view="pageLayout" topLeftCell="A88" zoomScale="80" zoomScaleNormal="100" zoomScalePageLayoutView="80" workbookViewId="0">
      <selection activeCell="C166" sqref="C166"/>
    </sheetView>
  </sheetViews>
  <sheetFormatPr defaultColWidth="9.140625" defaultRowHeight="17.25" x14ac:dyDescent="0.15"/>
  <cols>
    <col min="1" max="1" width="28.7109375" style="3" customWidth="1"/>
    <col min="2" max="2" width="35.7109375" style="3" customWidth="1"/>
    <col min="3" max="3" width="30.7109375" style="3" customWidth="1"/>
    <col min="4" max="4" width="37.7109375" style="3" customWidth="1"/>
    <col min="5" max="16384" width="9.140625" style="3"/>
  </cols>
  <sheetData>
    <row r="1" spans="1:4" x14ac:dyDescent="0.15">
      <c r="A1" s="10" t="s">
        <v>1126</v>
      </c>
    </row>
    <row r="2" spans="1:4" x14ac:dyDescent="0.15">
      <c r="A2" s="10" t="s">
        <v>1127</v>
      </c>
    </row>
    <row r="3" spans="1:4" x14ac:dyDescent="0.15">
      <c r="A3" s="30" t="s">
        <v>1128</v>
      </c>
      <c r="B3" s="31" t="s">
        <v>1129</v>
      </c>
      <c r="C3" s="31" t="s">
        <v>2522</v>
      </c>
      <c r="D3" s="31" t="s">
        <v>1130</v>
      </c>
    </row>
    <row r="4" spans="1:4" x14ac:dyDescent="0.15">
      <c r="A4" s="38" t="s">
        <v>978</v>
      </c>
      <c r="B4" s="39"/>
      <c r="C4" s="38"/>
      <c r="D4" s="7"/>
    </row>
    <row r="5" spans="1:4" s="2" customFormat="1" ht="34.5" customHeight="1" x14ac:dyDescent="0.15">
      <c r="A5" s="1" t="s">
        <v>2438</v>
      </c>
      <c r="B5" s="40"/>
      <c r="C5" s="1" t="s">
        <v>979</v>
      </c>
      <c r="D5" s="1" t="s">
        <v>2681</v>
      </c>
    </row>
    <row r="6" spans="1:4" x14ac:dyDescent="0.15">
      <c r="A6" s="7" t="s">
        <v>980</v>
      </c>
      <c r="B6" s="7"/>
      <c r="C6" s="7"/>
      <c r="D6" s="7"/>
    </row>
    <row r="7" spans="1:4" x14ac:dyDescent="0.15">
      <c r="A7" s="7" t="s">
        <v>981</v>
      </c>
      <c r="B7" s="7"/>
      <c r="C7" s="7"/>
      <c r="D7" s="7"/>
    </row>
    <row r="8" spans="1:4" ht="86.25" x14ac:dyDescent="0.15">
      <c r="A8" s="7" t="s">
        <v>2659</v>
      </c>
      <c r="B8" s="7" t="s">
        <v>2661</v>
      </c>
      <c r="C8" s="7"/>
      <c r="D8" s="7"/>
    </row>
    <row r="9" spans="1:4" ht="86.25" x14ac:dyDescent="0.15">
      <c r="A9" s="7" t="s">
        <v>2660</v>
      </c>
      <c r="B9" s="7" t="s">
        <v>2662</v>
      </c>
      <c r="C9" s="7"/>
      <c r="D9" s="7"/>
    </row>
    <row r="10" spans="1:4" x14ac:dyDescent="0.15">
      <c r="A10" s="7" t="s">
        <v>2663</v>
      </c>
      <c r="B10" s="7"/>
      <c r="C10" s="7"/>
      <c r="D10" s="7"/>
    </row>
    <row r="11" spans="1:4" x14ac:dyDescent="0.15">
      <c r="A11" s="7" t="s">
        <v>2584</v>
      </c>
      <c r="B11" s="7" t="s">
        <v>2585</v>
      </c>
      <c r="C11" s="7"/>
      <c r="D11" s="7"/>
    </row>
    <row r="12" spans="1:4" ht="51.75" x14ac:dyDescent="0.15">
      <c r="A12" s="7" t="s">
        <v>2509</v>
      </c>
      <c r="B12" s="7" t="s">
        <v>2510</v>
      </c>
      <c r="C12" s="1" t="s">
        <v>2531</v>
      </c>
      <c r="D12" s="1"/>
    </row>
    <row r="13" spans="1:4" x14ac:dyDescent="0.15">
      <c r="A13" s="7" t="s">
        <v>982</v>
      </c>
      <c r="B13" s="7"/>
      <c r="C13" s="7"/>
      <c r="D13" s="7"/>
    </row>
    <row r="14" spans="1:4" x14ac:dyDescent="0.15">
      <c r="A14" s="7" t="s">
        <v>983</v>
      </c>
      <c r="B14" s="7"/>
      <c r="C14" s="1"/>
      <c r="D14" s="7" t="s">
        <v>2682</v>
      </c>
    </row>
    <row r="15" spans="1:4" x14ac:dyDescent="0.15">
      <c r="A15" s="7" t="s">
        <v>984</v>
      </c>
      <c r="B15" s="7" t="s">
        <v>1132</v>
      </c>
      <c r="C15" s="7" t="s">
        <v>1132</v>
      </c>
      <c r="D15" s="7"/>
    </row>
    <row r="16" spans="1:4" x14ac:dyDescent="0.15">
      <c r="A16" s="7" t="s">
        <v>985</v>
      </c>
      <c r="B16" s="7"/>
      <c r="C16" s="7"/>
      <c r="D16" s="7"/>
    </row>
    <row r="17" spans="1:4" x14ac:dyDescent="0.15">
      <c r="A17" s="7" t="s">
        <v>2439</v>
      </c>
      <c r="B17" s="7" t="s">
        <v>2679</v>
      </c>
      <c r="C17" s="7"/>
      <c r="D17" s="7"/>
    </row>
    <row r="18" spans="1:4" x14ac:dyDescent="0.15">
      <c r="A18" s="7" t="s">
        <v>2570</v>
      </c>
      <c r="B18" s="7" t="s">
        <v>986</v>
      </c>
      <c r="C18" s="7"/>
      <c r="D18" s="7"/>
    </row>
    <row r="19" spans="1:4" x14ac:dyDescent="0.15">
      <c r="A19" s="7" t="s">
        <v>987</v>
      </c>
      <c r="B19" s="7" t="s">
        <v>1132</v>
      </c>
      <c r="C19" s="7" t="s">
        <v>1132</v>
      </c>
      <c r="D19" s="7"/>
    </row>
    <row r="20" spans="1:4" x14ac:dyDescent="0.15">
      <c r="A20" s="7" t="s">
        <v>988</v>
      </c>
      <c r="B20" s="7"/>
      <c r="C20" s="7"/>
      <c r="D20" s="7"/>
    </row>
    <row r="21" spans="1:4" x14ac:dyDescent="0.15">
      <c r="A21" s="7" t="s">
        <v>989</v>
      </c>
      <c r="B21" s="7"/>
      <c r="C21" s="7"/>
      <c r="D21" s="7"/>
    </row>
    <row r="22" spans="1:4" x14ac:dyDescent="0.15">
      <c r="A22" s="7" t="s">
        <v>990</v>
      </c>
      <c r="B22" s="7" t="s">
        <v>991</v>
      </c>
      <c r="C22" s="7"/>
      <c r="D22" s="7"/>
    </row>
    <row r="23" spans="1:4" x14ac:dyDescent="0.15">
      <c r="A23" s="7" t="s">
        <v>992</v>
      </c>
      <c r="B23" s="7" t="s">
        <v>1132</v>
      </c>
      <c r="C23" s="7"/>
      <c r="D23" s="7"/>
    </row>
    <row r="24" spans="1:4" ht="51.75" x14ac:dyDescent="0.15">
      <c r="A24" s="1" t="s">
        <v>2440</v>
      </c>
      <c r="B24" s="1" t="s">
        <v>2441</v>
      </c>
      <c r="C24" s="1"/>
      <c r="D24" s="1"/>
    </row>
    <row r="25" spans="1:4" ht="34.5" x14ac:dyDescent="0.15">
      <c r="A25" s="7" t="s">
        <v>2516</v>
      </c>
      <c r="B25" s="7"/>
      <c r="C25" s="7"/>
      <c r="D25" s="7"/>
    </row>
    <row r="26" spans="1:4" x14ac:dyDescent="0.15">
      <c r="A26" s="7" t="s">
        <v>2567</v>
      </c>
      <c r="B26" s="7"/>
      <c r="C26" s="7"/>
      <c r="D26" s="7"/>
    </row>
    <row r="27" spans="1:4" x14ac:dyDescent="0.15">
      <c r="A27" s="1" t="s">
        <v>2442</v>
      </c>
      <c r="B27" s="1"/>
      <c r="C27" s="1"/>
      <c r="D27" s="1"/>
    </row>
    <row r="28" spans="1:4" x14ac:dyDescent="0.15">
      <c r="A28" s="1" t="s">
        <v>615</v>
      </c>
      <c r="B28" s="1" t="s">
        <v>2443</v>
      </c>
      <c r="C28" s="1"/>
      <c r="D28" s="1"/>
    </row>
    <row r="29" spans="1:4" x14ac:dyDescent="0.15">
      <c r="A29" s="7" t="s">
        <v>993</v>
      </c>
      <c r="B29" s="7" t="s">
        <v>1132</v>
      </c>
      <c r="C29" s="7" t="s">
        <v>1132</v>
      </c>
      <c r="D29" s="7"/>
    </row>
    <row r="30" spans="1:4" x14ac:dyDescent="0.15">
      <c r="A30" s="7" t="s">
        <v>994</v>
      </c>
      <c r="B30" s="7" t="s">
        <v>995</v>
      </c>
      <c r="C30" s="7" t="s">
        <v>1132</v>
      </c>
      <c r="D30" s="7"/>
    </row>
    <row r="31" spans="1:4" x14ac:dyDescent="0.15">
      <c r="A31" s="7" t="s">
        <v>996</v>
      </c>
      <c r="B31" s="7"/>
      <c r="C31" s="7"/>
      <c r="D31" s="7"/>
    </row>
    <row r="32" spans="1:4" ht="51.75" x14ac:dyDescent="0.15">
      <c r="A32" s="7" t="s">
        <v>2485</v>
      </c>
      <c r="B32" s="7" t="s">
        <v>2521</v>
      </c>
      <c r="C32" s="7"/>
      <c r="D32" s="7" t="s">
        <v>2683</v>
      </c>
    </row>
    <row r="33" spans="1:4" x14ac:dyDescent="0.15">
      <c r="A33" s="7" t="s">
        <v>997</v>
      </c>
      <c r="B33" s="7" t="s">
        <v>998</v>
      </c>
      <c r="C33" s="1"/>
      <c r="D33" s="7" t="s">
        <v>2684</v>
      </c>
    </row>
    <row r="34" spans="1:4" x14ac:dyDescent="0.15">
      <c r="A34" s="7" t="s">
        <v>999</v>
      </c>
      <c r="B34" s="7" t="s">
        <v>1132</v>
      </c>
      <c r="C34" s="7" t="s">
        <v>1132</v>
      </c>
      <c r="D34" s="7"/>
    </row>
    <row r="35" spans="1:4" x14ac:dyDescent="0.15">
      <c r="A35" s="7" t="s">
        <v>1000</v>
      </c>
      <c r="B35" s="7" t="s">
        <v>1132</v>
      </c>
      <c r="C35" s="7" t="s">
        <v>1132</v>
      </c>
      <c r="D35" s="7"/>
    </row>
    <row r="36" spans="1:4" x14ac:dyDescent="0.15">
      <c r="A36" s="7" t="s">
        <v>1001</v>
      </c>
      <c r="B36" s="7" t="s">
        <v>1132</v>
      </c>
      <c r="C36" s="1"/>
      <c r="D36" s="7" t="s">
        <v>2685</v>
      </c>
    </row>
    <row r="37" spans="1:4" x14ac:dyDescent="0.15">
      <c r="A37" s="7" t="s">
        <v>1002</v>
      </c>
      <c r="B37" s="7"/>
      <c r="C37" s="7"/>
      <c r="D37" s="7"/>
    </row>
    <row r="38" spans="1:4" x14ac:dyDescent="0.15">
      <c r="A38" s="7" t="s">
        <v>1003</v>
      </c>
      <c r="B38" s="7" t="s">
        <v>1004</v>
      </c>
      <c r="C38" s="7"/>
      <c r="D38" s="7"/>
    </row>
    <row r="39" spans="1:4" x14ac:dyDescent="0.15">
      <c r="A39" s="7" t="s">
        <v>1005</v>
      </c>
      <c r="B39" s="7" t="s">
        <v>1132</v>
      </c>
      <c r="C39" s="7"/>
      <c r="D39" s="7"/>
    </row>
    <row r="40" spans="1:4" x14ac:dyDescent="0.15">
      <c r="A40" s="7" t="s">
        <v>1006</v>
      </c>
      <c r="B40" s="7" t="s">
        <v>1132</v>
      </c>
      <c r="C40" s="7" t="s">
        <v>1132</v>
      </c>
      <c r="D40" s="7"/>
    </row>
    <row r="41" spans="1:4" x14ac:dyDescent="0.15">
      <c r="A41" s="7" t="s">
        <v>1007</v>
      </c>
      <c r="B41" s="7"/>
      <c r="C41" s="7"/>
      <c r="D41" s="7"/>
    </row>
    <row r="42" spans="1:4" x14ac:dyDescent="0.15">
      <c r="A42" s="7" t="s">
        <v>1008</v>
      </c>
      <c r="B42" s="7" t="s">
        <v>1132</v>
      </c>
      <c r="C42" s="1"/>
      <c r="D42" s="7"/>
    </row>
    <row r="43" spans="1:4" x14ac:dyDescent="0.15">
      <c r="A43" s="7" t="s">
        <v>1009</v>
      </c>
      <c r="B43" s="7" t="s">
        <v>1010</v>
      </c>
      <c r="C43" s="7" t="s">
        <v>1132</v>
      </c>
      <c r="D43" s="7"/>
    </row>
    <row r="44" spans="1:4" x14ac:dyDescent="0.15">
      <c r="A44" s="7" t="s">
        <v>1011</v>
      </c>
      <c r="B44" s="7" t="s">
        <v>1132</v>
      </c>
      <c r="C44" s="7" t="s">
        <v>1132</v>
      </c>
      <c r="D44" s="7"/>
    </row>
    <row r="45" spans="1:4" x14ac:dyDescent="0.15">
      <c r="A45" s="7" t="s">
        <v>1012</v>
      </c>
      <c r="B45" s="7" t="s">
        <v>1132</v>
      </c>
      <c r="C45" s="7" t="s">
        <v>1132</v>
      </c>
      <c r="D45" s="7"/>
    </row>
    <row r="46" spans="1:4" s="2" customFormat="1" x14ac:dyDescent="0.15">
      <c r="A46" s="7" t="s">
        <v>1013</v>
      </c>
      <c r="B46" s="7"/>
      <c r="C46" s="7" t="s">
        <v>1132</v>
      </c>
      <c r="D46" s="7"/>
    </row>
    <row r="47" spans="1:4" x14ac:dyDescent="0.15">
      <c r="A47" s="1" t="s">
        <v>1014</v>
      </c>
      <c r="B47" s="1"/>
      <c r="C47" s="1"/>
      <c r="D47" s="1"/>
    </row>
    <row r="48" spans="1:4" x14ac:dyDescent="0.15">
      <c r="A48" s="7" t="s">
        <v>1015</v>
      </c>
      <c r="B48" s="7" t="s">
        <v>1016</v>
      </c>
      <c r="C48" s="7" t="s">
        <v>1132</v>
      </c>
      <c r="D48" s="7"/>
    </row>
    <row r="49" spans="1:4" x14ac:dyDescent="0.15">
      <c r="A49" s="7" t="s">
        <v>1017</v>
      </c>
      <c r="B49" s="7" t="s">
        <v>1132</v>
      </c>
      <c r="C49" s="7" t="s">
        <v>1132</v>
      </c>
      <c r="D49" s="7"/>
    </row>
    <row r="50" spans="1:4" x14ac:dyDescent="0.15">
      <c r="A50" s="7" t="s">
        <v>1018</v>
      </c>
      <c r="B50" s="7" t="s">
        <v>1132</v>
      </c>
      <c r="C50" s="7"/>
      <c r="D50" s="7"/>
    </row>
    <row r="51" spans="1:4" x14ac:dyDescent="0.15">
      <c r="A51" s="7" t="s">
        <v>1019</v>
      </c>
      <c r="B51" s="7" t="s">
        <v>1020</v>
      </c>
      <c r="C51" s="7" t="s">
        <v>1132</v>
      </c>
      <c r="D51" s="7"/>
    </row>
    <row r="52" spans="1:4" x14ac:dyDescent="0.15">
      <c r="A52" s="7" t="s">
        <v>1021</v>
      </c>
      <c r="B52" s="7"/>
      <c r="C52" s="7"/>
      <c r="D52" s="7"/>
    </row>
    <row r="53" spans="1:4" x14ac:dyDescent="0.15">
      <c r="A53" s="7" t="s">
        <v>1022</v>
      </c>
      <c r="B53" s="7" t="s">
        <v>1132</v>
      </c>
      <c r="C53" s="7" t="s">
        <v>1132</v>
      </c>
      <c r="D53" s="7"/>
    </row>
    <row r="54" spans="1:4" x14ac:dyDescent="0.15">
      <c r="A54" s="7" t="s">
        <v>1023</v>
      </c>
      <c r="B54" s="7" t="s">
        <v>1132</v>
      </c>
      <c r="C54" s="1"/>
      <c r="D54" s="7" t="s">
        <v>2686</v>
      </c>
    </row>
    <row r="55" spans="1:4" x14ac:dyDescent="0.15">
      <c r="A55" s="7" t="s">
        <v>2444</v>
      </c>
      <c r="B55" s="7"/>
      <c r="C55" s="7"/>
      <c r="D55" s="7"/>
    </row>
    <row r="56" spans="1:4" x14ac:dyDescent="0.15">
      <c r="A56" s="7" t="s">
        <v>2445</v>
      </c>
      <c r="B56" s="7" t="s">
        <v>1132</v>
      </c>
      <c r="C56" s="1"/>
      <c r="D56" s="7" t="s">
        <v>2687</v>
      </c>
    </row>
    <row r="57" spans="1:4" x14ac:dyDescent="0.15">
      <c r="A57" s="7" t="s">
        <v>1024</v>
      </c>
      <c r="B57" s="7" t="s">
        <v>1132</v>
      </c>
      <c r="C57" s="7" t="s">
        <v>1132</v>
      </c>
      <c r="D57" s="7"/>
    </row>
    <row r="58" spans="1:4" x14ac:dyDescent="0.15">
      <c r="A58" s="7" t="s">
        <v>1025</v>
      </c>
      <c r="B58" s="7" t="s">
        <v>1132</v>
      </c>
      <c r="C58" s="7" t="s">
        <v>1132</v>
      </c>
      <c r="D58" s="7"/>
    </row>
    <row r="59" spans="1:4" x14ac:dyDescent="0.15">
      <c r="A59" s="7" t="s">
        <v>1026</v>
      </c>
      <c r="B59" s="7"/>
      <c r="C59" s="7"/>
      <c r="D59" s="7"/>
    </row>
    <row r="60" spans="1:4" x14ac:dyDescent="0.15">
      <c r="A60" s="7" t="s">
        <v>1027</v>
      </c>
      <c r="B60" s="7"/>
      <c r="C60" s="7"/>
      <c r="D60" s="7"/>
    </row>
    <row r="61" spans="1:4" x14ac:dyDescent="0.15">
      <c r="A61" s="7" t="s">
        <v>1028</v>
      </c>
      <c r="B61" s="7" t="s">
        <v>1132</v>
      </c>
      <c r="C61" s="7" t="s">
        <v>1132</v>
      </c>
      <c r="D61" s="7"/>
    </row>
    <row r="62" spans="1:4" ht="51.75" x14ac:dyDescent="0.15">
      <c r="A62" s="7" t="s">
        <v>2468</v>
      </c>
      <c r="B62" s="7" t="s">
        <v>2599</v>
      </c>
      <c r="C62" s="7"/>
      <c r="D62" s="7"/>
    </row>
    <row r="63" spans="1:4" x14ac:dyDescent="0.15">
      <c r="A63" s="7" t="s">
        <v>1029</v>
      </c>
      <c r="B63" s="7"/>
      <c r="C63" s="7"/>
      <c r="D63" s="7"/>
    </row>
    <row r="64" spans="1:4" x14ac:dyDescent="0.15">
      <c r="A64" s="7" t="s">
        <v>1030</v>
      </c>
      <c r="B64" s="7" t="s">
        <v>1132</v>
      </c>
      <c r="C64" s="1"/>
      <c r="D64" s="7" t="s">
        <v>2688</v>
      </c>
    </row>
    <row r="65" spans="1:4" x14ac:dyDescent="0.15">
      <c r="A65" s="7" t="s">
        <v>1031</v>
      </c>
      <c r="B65" s="7" t="s">
        <v>1032</v>
      </c>
      <c r="C65" s="7" t="s">
        <v>1132</v>
      </c>
      <c r="D65" s="7"/>
    </row>
    <row r="66" spans="1:4" x14ac:dyDescent="0.15">
      <c r="A66" s="1" t="s">
        <v>1033</v>
      </c>
      <c r="B66" s="1"/>
      <c r="C66" s="1"/>
      <c r="D66" s="1"/>
    </row>
    <row r="67" spans="1:4" ht="34.5" x14ac:dyDescent="0.15">
      <c r="A67" s="7" t="s">
        <v>1034</v>
      </c>
      <c r="B67" s="7" t="s">
        <v>2755</v>
      </c>
      <c r="C67" s="7" t="s">
        <v>1132</v>
      </c>
      <c r="D67" s="7"/>
    </row>
    <row r="68" spans="1:4" x14ac:dyDescent="0.15">
      <c r="A68" s="7" t="s">
        <v>1035</v>
      </c>
      <c r="B68" s="7"/>
      <c r="C68" s="7"/>
      <c r="D68" s="7"/>
    </row>
    <row r="69" spans="1:4" x14ac:dyDescent="0.15">
      <c r="A69" s="7" t="s">
        <v>1036</v>
      </c>
      <c r="B69" s="7" t="s">
        <v>2756</v>
      </c>
      <c r="C69" s="7"/>
      <c r="D69" s="7"/>
    </row>
    <row r="70" spans="1:4" x14ac:dyDescent="0.15">
      <c r="A70" s="7" t="s">
        <v>1037</v>
      </c>
      <c r="B70" s="7" t="s">
        <v>1132</v>
      </c>
      <c r="C70" s="7" t="s">
        <v>1132</v>
      </c>
      <c r="D70" s="7"/>
    </row>
    <row r="71" spans="1:4" ht="34.5" x14ac:dyDescent="0.15">
      <c r="A71" s="7" t="s">
        <v>2511</v>
      </c>
      <c r="B71" s="7" t="s">
        <v>2512</v>
      </c>
      <c r="C71" s="7"/>
      <c r="D71" s="1"/>
    </row>
    <row r="72" spans="1:4" x14ac:dyDescent="0.15">
      <c r="A72" s="7" t="s">
        <v>1038</v>
      </c>
      <c r="B72" s="7" t="s">
        <v>1132</v>
      </c>
      <c r="C72" s="7" t="s">
        <v>1132</v>
      </c>
      <c r="D72" s="7"/>
    </row>
    <row r="73" spans="1:4" x14ac:dyDescent="0.15">
      <c r="A73" s="7" t="s">
        <v>2446</v>
      </c>
      <c r="B73" s="7" t="s">
        <v>1132</v>
      </c>
      <c r="C73" s="7" t="s">
        <v>1132</v>
      </c>
      <c r="D73" s="7"/>
    </row>
    <row r="74" spans="1:4" x14ac:dyDescent="0.15">
      <c r="A74" s="7" t="s">
        <v>2705</v>
      </c>
      <c r="B74" s="7" t="s">
        <v>1039</v>
      </c>
      <c r="C74" s="7" t="s">
        <v>1132</v>
      </c>
      <c r="D74" s="7"/>
    </row>
    <row r="75" spans="1:4" ht="34.5" x14ac:dyDescent="0.15">
      <c r="A75" s="7" t="s">
        <v>2706</v>
      </c>
      <c r="B75" s="7" t="s">
        <v>2707</v>
      </c>
      <c r="C75" s="7"/>
      <c r="D75" s="7" t="s">
        <v>2676</v>
      </c>
    </row>
    <row r="76" spans="1:4" x14ac:dyDescent="0.15">
      <c r="A76" s="7" t="s">
        <v>1040</v>
      </c>
      <c r="B76" s="7"/>
      <c r="C76" s="1"/>
      <c r="D76" s="7" t="s">
        <v>2689</v>
      </c>
    </row>
    <row r="77" spans="1:4" x14ac:dyDescent="0.15">
      <c r="A77" s="7" t="s">
        <v>1041</v>
      </c>
      <c r="B77" s="7"/>
      <c r="C77" s="7"/>
      <c r="D77" s="7"/>
    </row>
    <row r="78" spans="1:4" x14ac:dyDescent="0.15">
      <c r="A78" s="7" t="s">
        <v>1042</v>
      </c>
      <c r="B78" s="7"/>
      <c r="C78" s="7"/>
      <c r="D78" s="7"/>
    </row>
    <row r="79" spans="1:4" x14ac:dyDescent="0.15">
      <c r="A79" s="7" t="s">
        <v>2675</v>
      </c>
      <c r="B79" s="7"/>
      <c r="C79" s="7"/>
      <c r="D79" s="7"/>
    </row>
    <row r="80" spans="1:4" x14ac:dyDescent="0.15">
      <c r="A80" s="7" t="s">
        <v>1043</v>
      </c>
      <c r="B80" s="7"/>
      <c r="C80" s="7"/>
      <c r="D80" s="7"/>
    </row>
    <row r="81" spans="1:4" ht="34.5" x14ac:dyDescent="0.15">
      <c r="A81" s="7" t="s">
        <v>2447</v>
      </c>
      <c r="B81" s="7" t="s">
        <v>1132</v>
      </c>
      <c r="C81" s="7" t="s">
        <v>2757</v>
      </c>
      <c r="D81" s="7" t="s">
        <v>2690</v>
      </c>
    </row>
    <row r="82" spans="1:4" x14ac:dyDescent="0.15">
      <c r="A82" s="1" t="s">
        <v>1044</v>
      </c>
      <c r="B82" s="1"/>
      <c r="C82" s="1"/>
      <c r="D82" s="1"/>
    </row>
    <row r="83" spans="1:4" x14ac:dyDescent="0.15">
      <c r="A83" s="7" t="s">
        <v>1045</v>
      </c>
      <c r="B83" s="7" t="s">
        <v>1132</v>
      </c>
      <c r="C83" s="7"/>
      <c r="D83" s="7"/>
    </row>
    <row r="84" spans="1:4" x14ac:dyDescent="0.15">
      <c r="A84" s="7" t="s">
        <v>1046</v>
      </c>
      <c r="B84" s="7" t="s">
        <v>1132</v>
      </c>
      <c r="C84" s="7"/>
      <c r="D84" s="7"/>
    </row>
    <row r="85" spans="1:4" ht="34.5" x14ac:dyDescent="0.15">
      <c r="A85" s="7" t="s">
        <v>2448</v>
      </c>
      <c r="B85" s="7" t="s">
        <v>1047</v>
      </c>
      <c r="C85" s="7"/>
      <c r="D85" s="7"/>
    </row>
    <row r="86" spans="1:4" x14ac:dyDescent="0.15">
      <c r="A86" s="7" t="s">
        <v>1048</v>
      </c>
      <c r="B86" s="7" t="s">
        <v>1132</v>
      </c>
      <c r="C86" s="7" t="s">
        <v>1132</v>
      </c>
      <c r="D86" s="7"/>
    </row>
    <row r="87" spans="1:4" x14ac:dyDescent="0.15">
      <c r="A87" s="7" t="s">
        <v>1049</v>
      </c>
      <c r="B87" s="7" t="s">
        <v>1132</v>
      </c>
      <c r="C87" s="7"/>
      <c r="D87" s="7"/>
    </row>
    <row r="88" spans="1:4" x14ac:dyDescent="0.15">
      <c r="A88" s="7" t="s">
        <v>1050</v>
      </c>
      <c r="B88" s="7" t="s">
        <v>1132</v>
      </c>
      <c r="C88" s="1"/>
      <c r="D88" s="7" t="s">
        <v>2691</v>
      </c>
    </row>
    <row r="89" spans="1:4" x14ac:dyDescent="0.15">
      <c r="A89" s="7" t="s">
        <v>1051</v>
      </c>
      <c r="B89" s="7" t="s">
        <v>1132</v>
      </c>
      <c r="C89" s="7" t="s">
        <v>1132</v>
      </c>
      <c r="D89" s="7"/>
    </row>
    <row r="90" spans="1:4" x14ac:dyDescent="0.15">
      <c r="A90" s="7" t="s">
        <v>1052</v>
      </c>
      <c r="B90" s="7"/>
      <c r="C90" s="7"/>
      <c r="D90" s="7"/>
    </row>
    <row r="91" spans="1:4" x14ac:dyDescent="0.15">
      <c r="A91" s="7" t="s">
        <v>1053</v>
      </c>
      <c r="B91" s="7"/>
      <c r="C91" s="7"/>
      <c r="D91" s="7"/>
    </row>
    <row r="92" spans="1:4" x14ac:dyDescent="0.15">
      <c r="A92" s="7" t="s">
        <v>1054</v>
      </c>
      <c r="B92" s="7"/>
      <c r="C92" s="7"/>
      <c r="D92" s="7"/>
    </row>
    <row r="93" spans="1:4" x14ac:dyDescent="0.15">
      <c r="A93" s="7" t="s">
        <v>1055</v>
      </c>
      <c r="B93" s="7" t="s">
        <v>1132</v>
      </c>
      <c r="C93" s="7" t="s">
        <v>1132</v>
      </c>
      <c r="D93" s="7"/>
    </row>
    <row r="94" spans="1:4" x14ac:dyDescent="0.15">
      <c r="A94" s="7" t="s">
        <v>1167</v>
      </c>
      <c r="B94" s="7" t="s">
        <v>1168</v>
      </c>
      <c r="C94" s="7"/>
      <c r="D94" s="7"/>
    </row>
    <row r="95" spans="1:4" x14ac:dyDescent="0.15">
      <c r="A95" s="7" t="s">
        <v>1056</v>
      </c>
      <c r="B95" s="7"/>
      <c r="C95" s="7"/>
      <c r="D95" s="7"/>
    </row>
    <row r="96" spans="1:4" ht="34.5" x14ac:dyDescent="0.15">
      <c r="A96" s="7" t="s">
        <v>2697</v>
      </c>
      <c r="B96" s="7" t="s">
        <v>2698</v>
      </c>
      <c r="C96" s="7"/>
      <c r="D96" s="7"/>
    </row>
    <row r="97" spans="1:4" x14ac:dyDescent="0.2">
      <c r="A97" s="41" t="s">
        <v>2449</v>
      </c>
      <c r="B97" s="7"/>
      <c r="C97" s="7"/>
      <c r="D97" s="7"/>
    </row>
    <row r="98" spans="1:4" x14ac:dyDescent="0.15">
      <c r="A98" s="7" t="s">
        <v>1057</v>
      </c>
      <c r="B98" s="7" t="s">
        <v>1132</v>
      </c>
      <c r="C98" s="7" t="s">
        <v>1132</v>
      </c>
      <c r="D98" s="7"/>
    </row>
    <row r="99" spans="1:4" x14ac:dyDescent="0.15">
      <c r="A99" s="7" t="s">
        <v>1058</v>
      </c>
      <c r="B99" s="7"/>
      <c r="C99" s="7"/>
      <c r="D99" s="7"/>
    </row>
    <row r="100" spans="1:4" x14ac:dyDescent="0.15">
      <c r="A100" s="42" t="s">
        <v>2450</v>
      </c>
      <c r="B100" s="1"/>
      <c r="C100" s="1"/>
      <c r="D100" s="1"/>
    </row>
    <row r="101" spans="1:4" x14ac:dyDescent="0.15">
      <c r="A101" s="7" t="s">
        <v>1059</v>
      </c>
      <c r="B101" s="7"/>
      <c r="C101" s="7"/>
      <c r="D101" s="7"/>
    </row>
    <row r="102" spans="1:4" ht="34.5" x14ac:dyDescent="0.15">
      <c r="A102" s="7" t="s">
        <v>2451</v>
      </c>
      <c r="B102" s="7" t="s">
        <v>1060</v>
      </c>
      <c r="C102" s="7"/>
      <c r="D102" s="7"/>
    </row>
    <row r="103" spans="1:4" x14ac:dyDescent="0.15">
      <c r="A103" s="7" t="s">
        <v>1061</v>
      </c>
      <c r="B103" s="7"/>
      <c r="C103" s="7"/>
      <c r="D103" s="7" t="s">
        <v>2692</v>
      </c>
    </row>
    <row r="104" spans="1:4" x14ac:dyDescent="0.15">
      <c r="A104" s="7" t="s">
        <v>2514</v>
      </c>
      <c r="B104" s="7" t="s">
        <v>2600</v>
      </c>
      <c r="C104" s="7"/>
      <c r="D104" s="7"/>
    </row>
    <row r="105" spans="1:4" x14ac:dyDescent="0.15">
      <c r="A105" s="7" t="s">
        <v>2452</v>
      </c>
      <c r="B105" s="7" t="s">
        <v>1132</v>
      </c>
      <c r="C105" s="7" t="s">
        <v>1132</v>
      </c>
      <c r="D105" s="7"/>
    </row>
    <row r="106" spans="1:4" x14ac:dyDescent="0.15">
      <c r="A106" s="7" t="s">
        <v>1062</v>
      </c>
      <c r="B106" s="7"/>
      <c r="C106" s="7"/>
      <c r="D106" s="7"/>
    </row>
    <row r="107" spans="1:4" x14ac:dyDescent="0.15">
      <c r="A107" s="7" t="s">
        <v>1063</v>
      </c>
      <c r="B107" s="7"/>
      <c r="C107" s="7"/>
      <c r="D107" s="7"/>
    </row>
    <row r="108" spans="1:4" ht="34.5" x14ac:dyDescent="0.15">
      <c r="A108" s="7" t="s">
        <v>2453</v>
      </c>
      <c r="B108" s="7"/>
      <c r="C108" s="7"/>
      <c r="D108" s="7" t="s">
        <v>2693</v>
      </c>
    </row>
    <row r="109" spans="1:4" x14ac:dyDescent="0.15">
      <c r="A109" s="7" t="s">
        <v>1064</v>
      </c>
      <c r="B109" s="7" t="s">
        <v>1065</v>
      </c>
      <c r="C109" s="7" t="s">
        <v>1132</v>
      </c>
      <c r="D109" s="7"/>
    </row>
    <row r="110" spans="1:4" ht="34.5" x14ac:dyDescent="0.15">
      <c r="A110" s="7" t="s">
        <v>2619</v>
      </c>
      <c r="B110" s="7" t="s">
        <v>2620</v>
      </c>
      <c r="C110" s="7"/>
      <c r="D110" s="7"/>
    </row>
    <row r="111" spans="1:4" x14ac:dyDescent="0.15">
      <c r="A111" s="7" t="s">
        <v>1066</v>
      </c>
      <c r="B111" s="7" t="s">
        <v>1132</v>
      </c>
      <c r="C111" s="7" t="s">
        <v>1132</v>
      </c>
      <c r="D111" s="7"/>
    </row>
    <row r="112" spans="1:4" x14ac:dyDescent="0.15">
      <c r="A112" s="7" t="s">
        <v>1067</v>
      </c>
      <c r="B112" s="7" t="s">
        <v>1132</v>
      </c>
      <c r="C112" s="7" t="s">
        <v>1132</v>
      </c>
      <c r="D112" s="7"/>
    </row>
    <row r="113" spans="1:4" x14ac:dyDescent="0.15">
      <c r="A113" s="7" t="s">
        <v>1068</v>
      </c>
      <c r="B113" s="7" t="s">
        <v>1132</v>
      </c>
      <c r="C113" s="7" t="s">
        <v>1132</v>
      </c>
      <c r="D113" s="7"/>
    </row>
    <row r="114" spans="1:4" x14ac:dyDescent="0.15">
      <c r="A114" s="7" t="s">
        <v>1069</v>
      </c>
      <c r="B114" s="7"/>
      <c r="C114" s="7"/>
      <c r="D114" s="7"/>
    </row>
    <row r="115" spans="1:4" x14ac:dyDescent="0.15">
      <c r="A115" s="7" t="s">
        <v>1070</v>
      </c>
      <c r="B115" s="7" t="s">
        <v>1071</v>
      </c>
      <c r="C115" s="7" t="s">
        <v>1132</v>
      </c>
      <c r="D115" s="7"/>
    </row>
    <row r="116" spans="1:4" x14ac:dyDescent="0.15">
      <c r="A116" s="1" t="s">
        <v>1072</v>
      </c>
      <c r="B116" s="1"/>
      <c r="C116" s="1"/>
      <c r="D116" s="1"/>
    </row>
    <row r="117" spans="1:4" x14ac:dyDescent="0.15">
      <c r="A117" s="7" t="s">
        <v>1073</v>
      </c>
      <c r="B117" s="7" t="s">
        <v>1074</v>
      </c>
      <c r="C117" s="7" t="s">
        <v>1132</v>
      </c>
      <c r="D117" s="7"/>
    </row>
    <row r="118" spans="1:4" x14ac:dyDescent="0.15">
      <c r="A118" s="7" t="s">
        <v>1075</v>
      </c>
      <c r="B118" s="7" t="s">
        <v>1076</v>
      </c>
      <c r="C118" s="7" t="s">
        <v>1132</v>
      </c>
      <c r="D118" s="7"/>
    </row>
    <row r="119" spans="1:4" x14ac:dyDescent="0.15">
      <c r="A119" s="7" t="s">
        <v>1077</v>
      </c>
      <c r="B119" s="7"/>
      <c r="C119" s="7"/>
      <c r="D119" s="7"/>
    </row>
    <row r="120" spans="1:4" ht="69" x14ac:dyDescent="0.15">
      <c r="A120" s="1" t="s">
        <v>2454</v>
      </c>
      <c r="B120" s="1" t="s">
        <v>2455</v>
      </c>
      <c r="C120" s="1"/>
      <c r="D120" s="1"/>
    </row>
    <row r="121" spans="1:4" ht="34.5" x14ac:dyDescent="0.15">
      <c r="A121" s="1" t="s">
        <v>2513</v>
      </c>
      <c r="B121" s="1"/>
      <c r="C121" s="1"/>
      <c r="D121" s="1"/>
    </row>
    <row r="122" spans="1:4" x14ac:dyDescent="0.15">
      <c r="A122" s="7" t="s">
        <v>1078</v>
      </c>
      <c r="B122" s="7" t="s">
        <v>1079</v>
      </c>
      <c r="C122" s="7" t="s">
        <v>1132</v>
      </c>
      <c r="D122" s="7"/>
    </row>
    <row r="123" spans="1:4" x14ac:dyDescent="0.15">
      <c r="A123" s="7" t="s">
        <v>1080</v>
      </c>
      <c r="B123" s="7" t="s">
        <v>1081</v>
      </c>
      <c r="C123" s="7" t="s">
        <v>1132</v>
      </c>
      <c r="D123" s="7"/>
    </row>
    <row r="124" spans="1:4" x14ac:dyDescent="0.15">
      <c r="A124" s="7" t="s">
        <v>2456</v>
      </c>
      <c r="B124" s="7" t="s">
        <v>1082</v>
      </c>
      <c r="C124" s="7" t="s">
        <v>1132</v>
      </c>
      <c r="D124" s="7"/>
    </row>
    <row r="125" spans="1:4" x14ac:dyDescent="0.15">
      <c r="A125" s="7" t="s">
        <v>1083</v>
      </c>
      <c r="B125" s="7" t="s">
        <v>1084</v>
      </c>
      <c r="C125" s="7"/>
      <c r="D125" s="7"/>
    </row>
    <row r="126" spans="1:4" x14ac:dyDescent="0.15">
      <c r="A126" s="7" t="s">
        <v>1085</v>
      </c>
      <c r="B126" s="7" t="s">
        <v>1086</v>
      </c>
      <c r="C126" s="7" t="s">
        <v>1132</v>
      </c>
      <c r="D126" s="7"/>
    </row>
    <row r="127" spans="1:4" x14ac:dyDescent="0.15">
      <c r="A127" s="7" t="s">
        <v>1087</v>
      </c>
      <c r="B127" s="7" t="s">
        <v>1088</v>
      </c>
      <c r="C127" s="7" t="s">
        <v>1132</v>
      </c>
      <c r="D127" s="7"/>
    </row>
    <row r="128" spans="1:4" x14ac:dyDescent="0.15">
      <c r="A128" s="7" t="s">
        <v>1089</v>
      </c>
      <c r="B128" s="7" t="s">
        <v>1090</v>
      </c>
      <c r="C128" s="7" t="s">
        <v>1132</v>
      </c>
      <c r="D128" s="7"/>
    </row>
    <row r="129" spans="1:4" x14ac:dyDescent="0.15">
      <c r="A129" s="7" t="s">
        <v>1091</v>
      </c>
      <c r="B129" s="7" t="s">
        <v>1092</v>
      </c>
      <c r="C129" s="7" t="s">
        <v>1132</v>
      </c>
      <c r="D129" s="7"/>
    </row>
    <row r="130" spans="1:4" x14ac:dyDescent="0.15">
      <c r="A130" s="7" t="s">
        <v>2457</v>
      </c>
      <c r="B130" s="7" t="s">
        <v>2678</v>
      </c>
      <c r="C130" s="7" t="s">
        <v>1132</v>
      </c>
      <c r="D130" s="7"/>
    </row>
    <row r="131" spans="1:4" x14ac:dyDescent="0.15">
      <c r="A131" s="7" t="s">
        <v>2458</v>
      </c>
      <c r="B131" s="7"/>
      <c r="C131" s="7"/>
      <c r="D131" s="7"/>
    </row>
    <row r="132" spans="1:4" x14ac:dyDescent="0.15">
      <c r="A132" s="7" t="s">
        <v>1093</v>
      </c>
      <c r="B132" s="7"/>
      <c r="C132" s="7"/>
      <c r="D132" s="7"/>
    </row>
    <row r="133" spans="1:4" x14ac:dyDescent="0.15">
      <c r="A133" s="7" t="s">
        <v>1094</v>
      </c>
      <c r="B133" s="7" t="s">
        <v>1132</v>
      </c>
      <c r="C133" s="7" t="s">
        <v>1132</v>
      </c>
      <c r="D133" s="7"/>
    </row>
    <row r="134" spans="1:4" x14ac:dyDescent="0.15">
      <c r="A134" s="7" t="s">
        <v>1095</v>
      </c>
      <c r="B134" s="7"/>
      <c r="C134" s="7"/>
      <c r="D134" s="7"/>
    </row>
    <row r="135" spans="1:4" x14ac:dyDescent="0.15">
      <c r="A135" s="7" t="s">
        <v>1096</v>
      </c>
      <c r="B135" s="7" t="s">
        <v>1132</v>
      </c>
      <c r="C135" s="7" t="s">
        <v>1132</v>
      </c>
      <c r="D135" s="7"/>
    </row>
    <row r="136" spans="1:4" ht="51.75" x14ac:dyDescent="0.15">
      <c r="A136" s="7" t="s">
        <v>1169</v>
      </c>
      <c r="B136" s="1" t="s">
        <v>2459</v>
      </c>
      <c r="C136" s="7"/>
      <c r="D136" s="7"/>
    </row>
    <row r="137" spans="1:4" x14ac:dyDescent="0.15">
      <c r="A137" s="7" t="s">
        <v>2586</v>
      </c>
      <c r="B137" s="1"/>
      <c r="C137" s="7"/>
      <c r="D137" s="7"/>
    </row>
    <row r="138" spans="1:4" x14ac:dyDescent="0.15">
      <c r="A138" s="7" t="s">
        <v>1097</v>
      </c>
      <c r="B138" s="7"/>
      <c r="C138" s="7"/>
      <c r="D138" s="7"/>
    </row>
    <row r="139" spans="1:4" x14ac:dyDescent="0.15">
      <c r="A139" s="7" t="s">
        <v>1098</v>
      </c>
      <c r="B139" s="7"/>
      <c r="C139" s="7"/>
      <c r="D139" s="7"/>
    </row>
    <row r="140" spans="1:4" x14ac:dyDescent="0.15">
      <c r="A140" s="7" t="s">
        <v>2460</v>
      </c>
      <c r="B140" s="7" t="s">
        <v>1132</v>
      </c>
      <c r="C140" s="7"/>
      <c r="D140" s="7" t="s">
        <v>2694</v>
      </c>
    </row>
    <row r="141" spans="1:4" x14ac:dyDescent="0.15">
      <c r="A141" s="7" t="s">
        <v>2461</v>
      </c>
      <c r="B141" s="7"/>
      <c r="C141" s="7"/>
      <c r="D141" s="7"/>
    </row>
    <row r="142" spans="1:4" x14ac:dyDescent="0.15">
      <c r="A142" s="7" t="s">
        <v>1099</v>
      </c>
      <c r="B142" s="7" t="s">
        <v>1132</v>
      </c>
      <c r="C142" s="7" t="s">
        <v>1132</v>
      </c>
      <c r="D142" s="7"/>
    </row>
    <row r="143" spans="1:4" x14ac:dyDescent="0.15">
      <c r="A143" s="7" t="s">
        <v>1100</v>
      </c>
      <c r="B143" s="7"/>
      <c r="C143" s="7"/>
      <c r="D143" s="7"/>
    </row>
    <row r="144" spans="1:4" x14ac:dyDescent="0.15">
      <c r="A144" s="7" t="s">
        <v>1101</v>
      </c>
      <c r="B144" s="7" t="s">
        <v>1132</v>
      </c>
      <c r="C144" s="7" t="s">
        <v>1132</v>
      </c>
      <c r="D144" s="7"/>
    </row>
    <row r="145" spans="1:4" ht="34.5" x14ac:dyDescent="0.15">
      <c r="A145" s="7" t="s">
        <v>2615</v>
      </c>
      <c r="B145" s="7" t="s">
        <v>2616</v>
      </c>
      <c r="C145" s="7"/>
      <c r="D145" s="7"/>
    </row>
    <row r="146" spans="1:4" x14ac:dyDescent="0.15">
      <c r="A146" s="7" t="s">
        <v>1102</v>
      </c>
      <c r="B146" s="7"/>
      <c r="C146" s="7" t="s">
        <v>1132</v>
      </c>
      <c r="D146" s="7"/>
    </row>
    <row r="147" spans="1:4" x14ac:dyDescent="0.15">
      <c r="A147" s="7" t="s">
        <v>2462</v>
      </c>
      <c r="B147" s="7"/>
      <c r="C147" s="7"/>
      <c r="D147" s="7"/>
    </row>
    <row r="148" spans="1:4" x14ac:dyDescent="0.15">
      <c r="A148" s="7" t="s">
        <v>1103</v>
      </c>
      <c r="B148" s="7" t="s">
        <v>1132</v>
      </c>
      <c r="C148" s="7" t="s">
        <v>1132</v>
      </c>
      <c r="D148" s="7"/>
    </row>
    <row r="149" spans="1:4" x14ac:dyDescent="0.15">
      <c r="A149" s="7" t="s">
        <v>2463</v>
      </c>
      <c r="B149" s="7" t="s">
        <v>1132</v>
      </c>
      <c r="C149" s="7"/>
      <c r="D149" s="7" t="s">
        <v>2695</v>
      </c>
    </row>
    <row r="150" spans="1:4" x14ac:dyDescent="0.15">
      <c r="A150" s="7" t="s">
        <v>1104</v>
      </c>
      <c r="B150" s="7"/>
      <c r="C150" s="7"/>
      <c r="D150" s="7"/>
    </row>
    <row r="151" spans="1:4" x14ac:dyDescent="0.15">
      <c r="A151" s="7" t="s">
        <v>1105</v>
      </c>
      <c r="B151" s="7"/>
      <c r="C151" s="7"/>
      <c r="D151" s="7"/>
    </row>
    <row r="152" spans="1:4" x14ac:dyDescent="0.15">
      <c r="A152" s="7" t="s">
        <v>1106</v>
      </c>
      <c r="B152" s="7" t="s">
        <v>1132</v>
      </c>
      <c r="C152" s="7" t="s">
        <v>1132</v>
      </c>
      <c r="D152" s="7"/>
    </row>
    <row r="153" spans="1:4" x14ac:dyDescent="0.15">
      <c r="A153" s="7" t="s">
        <v>1108</v>
      </c>
      <c r="B153" s="7"/>
      <c r="C153" s="7"/>
      <c r="D153" s="7"/>
    </row>
    <row r="154" spans="1:4" x14ac:dyDescent="0.15">
      <c r="A154" s="7" t="s">
        <v>1109</v>
      </c>
      <c r="B154" s="7" t="s">
        <v>1132</v>
      </c>
      <c r="C154" s="7"/>
      <c r="D154" s="7"/>
    </row>
    <row r="155" spans="1:4" x14ac:dyDescent="0.15">
      <c r="A155" s="7" t="s">
        <v>1110</v>
      </c>
      <c r="B155" s="7"/>
      <c r="C155" s="7"/>
      <c r="D155" s="7"/>
    </row>
    <row r="156" spans="1:4" x14ac:dyDescent="0.15">
      <c r="A156" s="7" t="s">
        <v>1111</v>
      </c>
      <c r="B156" s="7" t="s">
        <v>1112</v>
      </c>
      <c r="C156" s="7" t="s">
        <v>1132</v>
      </c>
      <c r="D156" s="7"/>
    </row>
    <row r="157" spans="1:4" x14ac:dyDescent="0.15">
      <c r="A157" s="7" t="s">
        <v>1113</v>
      </c>
      <c r="B157" s="7"/>
      <c r="C157" s="7"/>
      <c r="D157" s="7"/>
    </row>
    <row r="158" spans="1:4" x14ac:dyDescent="0.15">
      <c r="A158" s="7" t="s">
        <v>1114</v>
      </c>
      <c r="B158" s="7" t="s">
        <v>1132</v>
      </c>
      <c r="C158" s="7"/>
      <c r="D158" s="7"/>
    </row>
    <row r="159" spans="1:4" x14ac:dyDescent="0.15">
      <c r="A159" s="7" t="s">
        <v>2464</v>
      </c>
      <c r="B159" s="7" t="s">
        <v>1115</v>
      </c>
      <c r="C159" s="7"/>
      <c r="D159" s="7"/>
    </row>
    <row r="160" spans="1:4" x14ac:dyDescent="0.15">
      <c r="A160" s="7" t="s">
        <v>1116</v>
      </c>
      <c r="B160" s="7"/>
      <c r="C160" s="7"/>
      <c r="D160" s="7"/>
    </row>
    <row r="161" spans="1:4" x14ac:dyDescent="0.15">
      <c r="A161" s="7" t="s">
        <v>1117</v>
      </c>
      <c r="B161" s="7" t="s">
        <v>1132</v>
      </c>
      <c r="C161" s="1"/>
      <c r="D161" s="1"/>
    </row>
    <row r="162" spans="1:4" x14ac:dyDescent="0.15">
      <c r="A162" s="7" t="s">
        <v>1118</v>
      </c>
      <c r="B162" s="7" t="s">
        <v>1132</v>
      </c>
      <c r="C162" s="1"/>
      <c r="D162" s="7"/>
    </row>
    <row r="163" spans="1:4" x14ac:dyDescent="0.15">
      <c r="A163" s="7" t="s">
        <v>1119</v>
      </c>
      <c r="B163" s="7" t="s">
        <v>1132</v>
      </c>
      <c r="C163" s="7"/>
      <c r="D163" s="7"/>
    </row>
    <row r="164" spans="1:4" x14ac:dyDescent="0.15">
      <c r="A164" s="7" t="s">
        <v>1120</v>
      </c>
      <c r="B164" s="7"/>
      <c r="C164" s="7"/>
      <c r="D164" s="7"/>
    </row>
    <row r="165" spans="1:4" x14ac:dyDescent="0.15">
      <c r="A165" s="1" t="s">
        <v>1121</v>
      </c>
      <c r="B165" s="1"/>
      <c r="C165" s="1"/>
      <c r="D165" s="1"/>
    </row>
    <row r="166" spans="1:4" x14ac:dyDescent="0.15">
      <c r="A166" s="7" t="s">
        <v>1122</v>
      </c>
      <c r="B166" s="7"/>
      <c r="C166" s="1"/>
      <c r="D166" s="7" t="s">
        <v>2696</v>
      </c>
    </row>
    <row r="167" spans="1:4" ht="34.5" x14ac:dyDescent="0.15">
      <c r="A167" s="7" t="s">
        <v>2465</v>
      </c>
      <c r="B167" s="7" t="s">
        <v>2758</v>
      </c>
      <c r="C167" s="7"/>
      <c r="D167" s="7"/>
    </row>
    <row r="168" spans="1:4" x14ac:dyDescent="0.15">
      <c r="A168" s="7" t="s">
        <v>1123</v>
      </c>
      <c r="B168" s="7"/>
      <c r="C168" s="7"/>
      <c r="D168" s="7"/>
    </row>
    <row r="169" spans="1:4" x14ac:dyDescent="0.15">
      <c r="A169" s="10" t="s">
        <v>2466</v>
      </c>
      <c r="C169" s="43"/>
    </row>
    <row r="170" spans="1:4" x14ac:dyDescent="0.15">
      <c r="A170" s="10" t="s">
        <v>1664</v>
      </c>
    </row>
    <row r="171" spans="1:4" x14ac:dyDescent="0.15">
      <c r="A171" s="10" t="s">
        <v>2467</v>
      </c>
    </row>
    <row r="172" spans="1:4" x14ac:dyDescent="0.15">
      <c r="A172" s="10" t="s">
        <v>2677</v>
      </c>
    </row>
    <row r="173" spans="1:4" ht="33" customHeight="1" x14ac:dyDescent="0.15">
      <c r="A173" s="62"/>
      <c r="B173" s="63"/>
      <c r="C173" s="63"/>
      <c r="D173" s="63"/>
    </row>
    <row r="174" spans="1:4" ht="34.5" customHeight="1" x14ac:dyDescent="0.15">
      <c r="A174" s="62"/>
      <c r="B174" s="62"/>
      <c r="C174" s="62"/>
      <c r="D174" s="62"/>
    </row>
    <row r="175" spans="1:4" x14ac:dyDescent="0.15">
      <c r="A175" s="62"/>
      <c r="B175" s="62"/>
      <c r="C175" s="62"/>
      <c r="D175" s="62"/>
    </row>
    <row r="176" spans="1:4" x14ac:dyDescent="0.15">
      <c r="A176" s="62"/>
      <c r="B176" s="62"/>
      <c r="C176" s="62"/>
      <c r="D176" s="62"/>
    </row>
  </sheetData>
  <mergeCells count="4">
    <mergeCell ref="A174:D174"/>
    <mergeCell ref="A173:D173"/>
    <mergeCell ref="A175:D175"/>
    <mergeCell ref="A176:D176"/>
  </mergeCells>
  <phoneticPr fontId="1"/>
  <printOptions horizontalCentered="1"/>
  <pageMargins left="0.59055118110236227" right="0.59055118110236227" top="0.59055118110236227" bottom="0.59055118110236227" header="0.6692913385826772" footer="0.19685039370078741"/>
  <pageSetup paperSize="9" scale="70" fitToHeight="0" orientation="portrait" horizontalDpi="300" verticalDpi="300" r:id="rId1"/>
  <headerFooter alignWithMargins="0">
    <oddHeader xml:space="preserve">&amp;C&amp;"ＭＳ Ｐゴシック,太字"&amp;16
&amp;R
</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医）植物由来</vt:lpstr>
      <vt:lpstr>（医）動物由来</vt:lpstr>
      <vt:lpstr>（医）化学物質</vt:lpstr>
      <vt:lpstr>植物由来</vt:lpstr>
      <vt:lpstr>動物由来</vt:lpstr>
      <vt:lpstr>化学物質</vt:lpstr>
      <vt:lpstr>'（医）化学物質'!Print_Area</vt:lpstr>
      <vt:lpstr>'（医）動物由来'!Print_Area</vt:lpstr>
      <vt:lpstr>化学物質!Print_Area</vt:lpstr>
      <vt:lpstr>植物由来!Print_Area</vt:lpstr>
      <vt:lpstr>動物由来!Print_Area</vt:lpstr>
      <vt:lpstr>'（医）化学物質'!Print_Titles</vt:lpstr>
      <vt:lpstr>'（医）植物由来'!Print_Titles</vt:lpstr>
      <vt:lpstr>化学物質!Print_Titles</vt:lpstr>
      <vt:lpstr>植物由来!Print_Titles</vt:lpstr>
      <vt:lpstr>動物由来!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黒岩 健二(kuroiwa-kenji)</dc:creator>
  <cp:lastModifiedBy>増井　陽介</cp:lastModifiedBy>
  <cp:lastPrinted>2021-05-12T02:58:25Z</cp:lastPrinted>
  <dcterms:created xsi:type="dcterms:W3CDTF">2007-03-27T06:05:36Z</dcterms:created>
  <dcterms:modified xsi:type="dcterms:W3CDTF">2021-05-13T10:59:03Z</dcterms:modified>
</cp:coreProperties>
</file>